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24"/>
  </p:notesMasterIdLst>
  <p:sldIdLst>
    <p:sldId id="256" r:id="rId2"/>
    <p:sldId id="445" r:id="rId3"/>
    <p:sldId id="461" r:id="rId4"/>
    <p:sldId id="462" r:id="rId5"/>
    <p:sldId id="463" r:id="rId6"/>
    <p:sldId id="494" r:id="rId7"/>
    <p:sldId id="503" r:id="rId8"/>
    <p:sldId id="495" r:id="rId9"/>
    <p:sldId id="497" r:id="rId10"/>
    <p:sldId id="498" r:id="rId11"/>
    <p:sldId id="496" r:id="rId12"/>
    <p:sldId id="472" r:id="rId13"/>
    <p:sldId id="479" r:id="rId14"/>
    <p:sldId id="499" r:id="rId15"/>
    <p:sldId id="500" r:id="rId16"/>
    <p:sldId id="507" r:id="rId17"/>
    <p:sldId id="488" r:id="rId18"/>
    <p:sldId id="502" r:id="rId19"/>
    <p:sldId id="504" r:id="rId20"/>
    <p:sldId id="505" r:id="rId21"/>
    <p:sldId id="506" r:id="rId22"/>
    <p:sldId id="501" r:id="rId2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yk2bb" initials="y" lastIdx="1" clrIdx="0">
    <p:extLst>
      <p:ext uri="{19B8F6BF-5375-455C-9EA6-DF929625EA0E}">
        <p15:presenceInfo xmlns:p15="http://schemas.microsoft.com/office/powerpoint/2012/main" userId="70c25efda52b9d58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00"/>
    <a:srgbClr val="548235"/>
    <a:srgbClr val="FFC000"/>
    <a:srgbClr val="000000"/>
    <a:srgbClr val="C00000"/>
    <a:srgbClr val="FFFFFF"/>
    <a:srgbClr val="4472C4"/>
    <a:srgbClr val="CCFF33"/>
    <a:srgbClr val="FF3300"/>
    <a:srgbClr val="F2F2F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93D81CF-94F2-401A-BA57-92F5A7B2D0C5}" styleName="Medium Styl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91" autoAdjust="0"/>
    <p:restoredTop sz="87939" autoAdjust="0"/>
  </p:normalViewPr>
  <p:slideViewPr>
    <p:cSldViewPr snapToGrid="0" snapToObjects="1">
      <p:cViewPr varScale="1">
        <p:scale>
          <a:sx n="102" d="100"/>
          <a:sy n="102" d="100"/>
        </p:scale>
        <p:origin x="882" y="60"/>
      </p:cViewPr>
      <p:guideLst/>
    </p:cSldViewPr>
  </p:slideViewPr>
  <p:outlineViewPr>
    <p:cViewPr>
      <p:scale>
        <a:sx n="33" d="100"/>
        <a:sy n="33" d="100"/>
      </p:scale>
      <p:origin x="0" y="-10563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Relationship Id="rId30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Yonghwi Kwon" userId="70c25efda52b9d58" providerId="LiveId" clId="{AA9654FF-0740-4B9F-9EA9-168026594EBE}"/>
    <pc:docChg chg="undo custSel addSld delSld modSld sldOrd">
      <pc:chgData name="Yonghwi Kwon" userId="70c25efda52b9d58" providerId="LiveId" clId="{AA9654FF-0740-4B9F-9EA9-168026594EBE}" dt="2021-02-09T09:09:18.347" v="11100" actId="27636"/>
      <pc:docMkLst>
        <pc:docMk/>
      </pc:docMkLst>
      <pc:sldChg chg="addSp delSp modSp mod modNotesTx">
        <pc:chgData name="Yonghwi Kwon" userId="70c25efda52b9d58" providerId="LiveId" clId="{AA9654FF-0740-4B9F-9EA9-168026594EBE}" dt="2021-02-08T20:15:43.132" v="5679" actId="207"/>
        <pc:sldMkLst>
          <pc:docMk/>
          <pc:sldMk cId="4096159970" sldId="256"/>
        </pc:sldMkLst>
        <pc:spChg chg="mod">
          <ac:chgData name="Yonghwi Kwon" userId="70c25efda52b9d58" providerId="LiveId" clId="{AA9654FF-0740-4B9F-9EA9-168026594EBE}" dt="2021-02-08T06:09:30.978" v="203"/>
          <ac:spMkLst>
            <pc:docMk/>
            <pc:sldMk cId="4096159970" sldId="256"/>
            <ac:spMk id="2" creationId="{BE3BDE29-7C80-6C4F-87DD-9654E63D1D0B}"/>
          </ac:spMkLst>
        </pc:spChg>
        <pc:spChg chg="mod">
          <ac:chgData name="Yonghwi Kwon" userId="70c25efda52b9d58" providerId="LiveId" clId="{AA9654FF-0740-4B9F-9EA9-168026594EBE}" dt="2021-02-08T20:15:43.132" v="5679" actId="207"/>
          <ac:spMkLst>
            <pc:docMk/>
            <pc:sldMk cId="4096159970" sldId="256"/>
            <ac:spMk id="3" creationId="{3ABBC732-8D85-F44C-8BA8-7D02240DA235}"/>
          </ac:spMkLst>
        </pc:spChg>
        <pc:picChg chg="mod">
          <ac:chgData name="Yonghwi Kwon" userId="70c25efda52b9d58" providerId="LiveId" clId="{AA9654FF-0740-4B9F-9EA9-168026594EBE}" dt="2021-02-08T06:07:32.293" v="96" actId="1076"/>
          <ac:picMkLst>
            <pc:docMk/>
            <pc:sldMk cId="4096159970" sldId="256"/>
            <ac:picMk id="6" creationId="{8218F250-FBCB-431F-8FA6-45106176E496}"/>
          </ac:picMkLst>
        </pc:picChg>
        <pc:picChg chg="add del mod">
          <ac:chgData name="Yonghwi Kwon" userId="70c25efda52b9d58" providerId="LiveId" clId="{AA9654FF-0740-4B9F-9EA9-168026594EBE}" dt="2021-02-08T09:03:52.677" v="3625" actId="21"/>
          <ac:picMkLst>
            <pc:docMk/>
            <pc:sldMk cId="4096159970" sldId="256"/>
            <ac:picMk id="9" creationId="{6996A89F-D723-46BF-A0A8-AA96F2ADFF11}"/>
          </ac:picMkLst>
        </pc:picChg>
        <pc:picChg chg="add mod">
          <ac:chgData name="Yonghwi Kwon" userId="70c25efda52b9d58" providerId="LiveId" clId="{AA9654FF-0740-4B9F-9EA9-168026594EBE}" dt="2021-02-08T06:07:32.293" v="96" actId="1076"/>
          <ac:picMkLst>
            <pc:docMk/>
            <pc:sldMk cId="4096159970" sldId="256"/>
            <ac:picMk id="1026" creationId="{96CCFC1B-F472-4A64-8291-3AA8A73D2894}"/>
          </ac:picMkLst>
        </pc:picChg>
        <pc:picChg chg="add del">
          <ac:chgData name="Yonghwi Kwon" userId="70c25efda52b9d58" providerId="LiveId" clId="{AA9654FF-0740-4B9F-9EA9-168026594EBE}" dt="2021-02-08T06:06:41.644" v="47" actId="478"/>
          <ac:picMkLst>
            <pc:docMk/>
            <pc:sldMk cId="4096159970" sldId="256"/>
            <ac:picMk id="1028" creationId="{824C635E-C660-47D7-862F-268E0B01A302}"/>
          </ac:picMkLst>
        </pc:picChg>
        <pc:picChg chg="add mod">
          <ac:chgData name="Yonghwi Kwon" userId="70c25efda52b9d58" providerId="LiveId" clId="{AA9654FF-0740-4B9F-9EA9-168026594EBE}" dt="2021-02-08T09:45:19.872" v="4335" actId="1076"/>
          <ac:picMkLst>
            <pc:docMk/>
            <pc:sldMk cId="4096159970" sldId="256"/>
            <ac:picMk id="1030" creationId="{1DC2D1C0-4C68-403E-9A08-811F4B0D58DE}"/>
          </ac:picMkLst>
        </pc:picChg>
        <pc:picChg chg="add mod">
          <ac:chgData name="Yonghwi Kwon" userId="70c25efda52b9d58" providerId="LiveId" clId="{AA9654FF-0740-4B9F-9EA9-168026594EBE}" dt="2021-02-08T09:45:17.366" v="4334" actId="1076"/>
          <ac:picMkLst>
            <pc:docMk/>
            <pc:sldMk cId="4096159970" sldId="256"/>
            <ac:picMk id="1032" creationId="{D05F8C3B-8570-4548-A068-6619B9F00F32}"/>
          </ac:picMkLst>
        </pc:picChg>
        <pc:picChg chg="del">
          <ac:chgData name="Yonghwi Kwon" userId="70c25efda52b9d58" providerId="LiveId" clId="{AA9654FF-0740-4B9F-9EA9-168026594EBE}" dt="2021-02-08T06:06:20.244" v="24" actId="478"/>
          <ac:picMkLst>
            <pc:docMk/>
            <pc:sldMk cId="4096159970" sldId="256"/>
            <ac:picMk id="3074" creationId="{FEE6196F-B87B-4784-816D-133F72BFBF96}"/>
          </ac:picMkLst>
        </pc:picChg>
        <pc:picChg chg="add del mod">
          <ac:chgData name="Yonghwi Kwon" userId="70c25efda52b9d58" providerId="LiveId" clId="{AA9654FF-0740-4B9F-9EA9-168026594EBE}" dt="2021-02-08T09:03:52.677" v="3625" actId="21"/>
          <ac:picMkLst>
            <pc:docMk/>
            <pc:sldMk cId="4096159970" sldId="256"/>
            <ac:picMk id="4098" creationId="{ED59FE7E-E754-449E-903A-126BC1A84695}"/>
          </ac:picMkLst>
        </pc:picChg>
        <pc:picChg chg="add del mod">
          <ac:chgData name="Yonghwi Kwon" userId="70c25efda52b9d58" providerId="LiveId" clId="{AA9654FF-0740-4B9F-9EA9-168026594EBE}" dt="2021-02-08T09:03:52.677" v="3625" actId="21"/>
          <ac:picMkLst>
            <pc:docMk/>
            <pc:sldMk cId="4096159970" sldId="256"/>
            <ac:picMk id="4100" creationId="{C8245D5D-BE44-461D-B91F-1B90E4E7E775}"/>
          </ac:picMkLst>
        </pc:picChg>
      </pc:sldChg>
      <pc:sldChg chg="addSp delSp modSp mod modAnim modNotesTx">
        <pc:chgData name="Yonghwi Kwon" userId="70c25efda52b9d58" providerId="LiveId" clId="{AA9654FF-0740-4B9F-9EA9-168026594EBE}" dt="2021-02-08T20:24:55.130" v="7573" actId="20577"/>
        <pc:sldMkLst>
          <pc:docMk/>
          <pc:sldMk cId="677223643" sldId="445"/>
        </pc:sldMkLst>
        <pc:spChg chg="mod">
          <ac:chgData name="Yonghwi Kwon" userId="70c25efda52b9d58" providerId="LiveId" clId="{AA9654FF-0740-4B9F-9EA9-168026594EBE}" dt="2021-02-08T06:20:48.380" v="275" actId="115"/>
          <ac:spMkLst>
            <pc:docMk/>
            <pc:sldMk cId="677223643" sldId="445"/>
            <ac:spMk id="2" creationId="{00000000-0000-0000-0000-000000000000}"/>
          </ac:spMkLst>
        </pc:spChg>
        <pc:spChg chg="del">
          <ac:chgData name="Yonghwi Kwon" userId="70c25efda52b9d58" providerId="LiveId" clId="{AA9654FF-0740-4B9F-9EA9-168026594EBE}" dt="2021-02-08T06:10:01.748" v="233" actId="478"/>
          <ac:spMkLst>
            <pc:docMk/>
            <pc:sldMk cId="677223643" sldId="445"/>
            <ac:spMk id="3" creationId="{00000000-0000-0000-0000-000000000000}"/>
          </ac:spMkLst>
        </pc:spChg>
        <pc:spChg chg="add mod">
          <ac:chgData name="Yonghwi Kwon" userId="70c25efda52b9d58" providerId="LiveId" clId="{AA9654FF-0740-4B9F-9EA9-168026594EBE}" dt="2021-02-08T06:12:21.705" v="252" actId="242"/>
          <ac:spMkLst>
            <pc:docMk/>
            <pc:sldMk cId="677223643" sldId="445"/>
            <ac:spMk id="5" creationId="{E8831CEE-9CCE-4855-BD51-4118B2B91209}"/>
          </ac:spMkLst>
        </pc:spChg>
        <pc:spChg chg="del">
          <ac:chgData name="Yonghwi Kwon" userId="70c25efda52b9d58" providerId="LiveId" clId="{AA9654FF-0740-4B9F-9EA9-168026594EBE}" dt="2021-02-08T06:10:01.748" v="233" actId="478"/>
          <ac:spMkLst>
            <pc:docMk/>
            <pc:sldMk cId="677223643" sldId="445"/>
            <ac:spMk id="7" creationId="{1F27E52F-21F6-4A84-AB54-613D75E61727}"/>
          </ac:spMkLst>
        </pc:spChg>
        <pc:spChg chg="add mod">
          <ac:chgData name="Yonghwi Kwon" userId="70c25efda52b9d58" providerId="LiveId" clId="{AA9654FF-0740-4B9F-9EA9-168026594EBE}" dt="2021-02-08T06:57:27.270" v="1166" actId="1076"/>
          <ac:spMkLst>
            <pc:docMk/>
            <pc:sldMk cId="677223643" sldId="445"/>
            <ac:spMk id="7" creationId="{BF67F9F9-3107-4C40-800E-19B9ED725819}"/>
          </ac:spMkLst>
        </pc:spChg>
        <pc:spChg chg="add del mod ord">
          <ac:chgData name="Yonghwi Kwon" userId="70c25efda52b9d58" providerId="LiveId" clId="{AA9654FF-0740-4B9F-9EA9-168026594EBE}" dt="2021-02-08T16:38:54.638" v="5176" actId="478"/>
          <ac:spMkLst>
            <pc:docMk/>
            <pc:sldMk cId="677223643" sldId="445"/>
            <ac:spMk id="8" creationId="{7D945D98-1D5B-4DD3-AB2E-1C0BEA44AA4F}"/>
          </ac:spMkLst>
        </pc:spChg>
        <pc:spChg chg="add mod">
          <ac:chgData name="Yonghwi Kwon" userId="70c25efda52b9d58" providerId="LiveId" clId="{AA9654FF-0740-4B9F-9EA9-168026594EBE}" dt="2021-02-08T09:47:17.781" v="4387" actId="1036"/>
          <ac:spMkLst>
            <pc:docMk/>
            <pc:sldMk cId="677223643" sldId="445"/>
            <ac:spMk id="10" creationId="{FB39F3E6-89B1-4702-A917-CFEBB3D906F3}"/>
          </ac:spMkLst>
        </pc:spChg>
        <pc:spChg chg="del">
          <ac:chgData name="Yonghwi Kwon" userId="70c25efda52b9d58" providerId="LiveId" clId="{AA9654FF-0740-4B9F-9EA9-168026594EBE}" dt="2021-02-08T06:10:01.748" v="233" actId="478"/>
          <ac:spMkLst>
            <pc:docMk/>
            <pc:sldMk cId="677223643" sldId="445"/>
            <ac:spMk id="20" creationId="{A70E39DF-12C3-4740-A767-EE21D0336549}"/>
          </ac:spMkLst>
        </pc:spChg>
        <pc:spChg chg="add mod">
          <ac:chgData name="Yonghwi Kwon" userId="70c25efda52b9d58" providerId="LiveId" clId="{AA9654FF-0740-4B9F-9EA9-168026594EBE}" dt="2021-02-08T06:58:03.024" v="1175" actId="1076"/>
          <ac:spMkLst>
            <pc:docMk/>
            <pc:sldMk cId="677223643" sldId="445"/>
            <ac:spMk id="21" creationId="{A9B26D9D-D21F-4DB8-94AF-67A8522818CC}"/>
          </ac:spMkLst>
        </pc:spChg>
        <pc:picChg chg="del">
          <ac:chgData name="Yonghwi Kwon" userId="70c25efda52b9d58" providerId="LiveId" clId="{AA9654FF-0740-4B9F-9EA9-168026594EBE}" dt="2021-02-08T06:10:01.748" v="233" actId="478"/>
          <ac:picMkLst>
            <pc:docMk/>
            <pc:sldMk cId="677223643" sldId="445"/>
            <ac:picMk id="18" creationId="{AF077DD8-74CE-42AE-BA04-4B2712CA831C}"/>
          </ac:picMkLst>
        </pc:picChg>
        <pc:picChg chg="del">
          <ac:chgData name="Yonghwi Kwon" userId="70c25efda52b9d58" providerId="LiveId" clId="{AA9654FF-0740-4B9F-9EA9-168026594EBE}" dt="2021-02-08T06:10:01.748" v="233" actId="478"/>
          <ac:picMkLst>
            <pc:docMk/>
            <pc:sldMk cId="677223643" sldId="445"/>
            <ac:picMk id="1026" creationId="{D1FD97F3-76EE-424C-B686-0CA142FE25A5}"/>
          </ac:picMkLst>
        </pc:picChg>
        <pc:picChg chg="add mod">
          <ac:chgData name="Yonghwi Kwon" userId="70c25efda52b9d58" providerId="LiveId" clId="{AA9654FF-0740-4B9F-9EA9-168026594EBE}" dt="2021-02-08T06:10:39.881" v="238" actId="1076"/>
          <ac:picMkLst>
            <pc:docMk/>
            <pc:sldMk cId="677223643" sldId="445"/>
            <ac:picMk id="2050" creationId="{B52FD50A-2A8E-4E9C-8450-074B66D810BF}"/>
          </ac:picMkLst>
        </pc:picChg>
        <pc:picChg chg="del">
          <ac:chgData name="Yonghwi Kwon" userId="70c25efda52b9d58" providerId="LiveId" clId="{AA9654FF-0740-4B9F-9EA9-168026594EBE}" dt="2021-02-08T06:10:01.748" v="233" actId="478"/>
          <ac:picMkLst>
            <pc:docMk/>
            <pc:sldMk cId="677223643" sldId="445"/>
            <ac:picMk id="2054" creationId="{00000000-0000-0000-0000-000000000000}"/>
          </ac:picMkLst>
        </pc:picChg>
        <pc:picChg chg="del">
          <ac:chgData name="Yonghwi Kwon" userId="70c25efda52b9d58" providerId="LiveId" clId="{AA9654FF-0740-4B9F-9EA9-168026594EBE}" dt="2021-02-08T06:10:01.748" v="233" actId="478"/>
          <ac:picMkLst>
            <pc:docMk/>
            <pc:sldMk cId="677223643" sldId="445"/>
            <ac:picMk id="2064" creationId="{00000000-0000-0000-0000-000000000000}"/>
          </ac:picMkLst>
        </pc:picChg>
        <pc:picChg chg="del">
          <ac:chgData name="Yonghwi Kwon" userId="70c25efda52b9d58" providerId="LiveId" clId="{AA9654FF-0740-4B9F-9EA9-168026594EBE}" dt="2021-02-08T06:10:01.748" v="233" actId="478"/>
          <ac:picMkLst>
            <pc:docMk/>
            <pc:sldMk cId="677223643" sldId="445"/>
            <ac:picMk id="2068" creationId="{00000000-0000-0000-0000-000000000000}"/>
          </ac:picMkLst>
        </pc:picChg>
        <pc:picChg chg="del">
          <ac:chgData name="Yonghwi Kwon" userId="70c25efda52b9d58" providerId="LiveId" clId="{AA9654FF-0740-4B9F-9EA9-168026594EBE}" dt="2021-02-08T06:10:01.748" v="233" actId="478"/>
          <ac:picMkLst>
            <pc:docMk/>
            <pc:sldMk cId="677223643" sldId="445"/>
            <ac:picMk id="2074" creationId="{00000000-0000-0000-0000-000000000000}"/>
          </ac:picMkLst>
        </pc:picChg>
        <pc:picChg chg="del">
          <ac:chgData name="Yonghwi Kwon" userId="70c25efda52b9d58" providerId="LiveId" clId="{AA9654FF-0740-4B9F-9EA9-168026594EBE}" dt="2021-02-08T06:10:01.748" v="233" actId="478"/>
          <ac:picMkLst>
            <pc:docMk/>
            <pc:sldMk cId="677223643" sldId="445"/>
            <ac:picMk id="2078" creationId="{00000000-0000-0000-0000-000000000000}"/>
          </ac:picMkLst>
        </pc:picChg>
        <pc:cxnChg chg="del">
          <ac:chgData name="Yonghwi Kwon" userId="70c25efda52b9d58" providerId="LiveId" clId="{AA9654FF-0740-4B9F-9EA9-168026594EBE}" dt="2021-02-08T06:10:01.748" v="233" actId="478"/>
          <ac:cxnSpMkLst>
            <pc:docMk/>
            <pc:sldMk cId="677223643" sldId="445"/>
            <ac:cxnSpMk id="6" creationId="{985EDB30-CC4A-4E3B-9477-0CD59D763AC4}"/>
          </ac:cxnSpMkLst>
        </pc:cxnChg>
        <pc:cxnChg chg="del">
          <ac:chgData name="Yonghwi Kwon" userId="70c25efda52b9d58" providerId="LiveId" clId="{AA9654FF-0740-4B9F-9EA9-168026594EBE}" dt="2021-02-08T06:10:01.748" v="233" actId="478"/>
          <ac:cxnSpMkLst>
            <pc:docMk/>
            <pc:sldMk cId="677223643" sldId="445"/>
            <ac:cxnSpMk id="19" creationId="{D2D695C8-30E8-484E-8585-7EDC1B506AB5}"/>
          </ac:cxnSpMkLst>
        </pc:cxnChg>
      </pc:sldChg>
      <pc:sldChg chg="addSp delSp modSp mod modAnim modNotesTx">
        <pc:chgData name="Yonghwi Kwon" userId="70c25efda52b9d58" providerId="LiveId" clId="{AA9654FF-0740-4B9F-9EA9-168026594EBE}" dt="2021-02-08T20:29:14.408" v="8048" actId="20577"/>
        <pc:sldMkLst>
          <pc:docMk/>
          <pc:sldMk cId="1551019156" sldId="461"/>
        </pc:sldMkLst>
        <pc:spChg chg="mod">
          <ac:chgData name="Yonghwi Kwon" userId="70c25efda52b9d58" providerId="LiveId" clId="{AA9654FF-0740-4B9F-9EA9-168026594EBE}" dt="2021-02-08T06:22:47.665" v="307" actId="57"/>
          <ac:spMkLst>
            <pc:docMk/>
            <pc:sldMk cId="1551019156" sldId="461"/>
            <ac:spMk id="2" creationId="{00000000-0000-0000-0000-000000000000}"/>
          </ac:spMkLst>
        </pc:spChg>
        <pc:spChg chg="mod">
          <ac:chgData name="Yonghwi Kwon" userId="70c25efda52b9d58" providerId="LiveId" clId="{AA9654FF-0740-4B9F-9EA9-168026594EBE}" dt="2021-02-08T16:38:36.674" v="5172" actId="1076"/>
          <ac:spMkLst>
            <pc:docMk/>
            <pc:sldMk cId="1551019156" sldId="461"/>
            <ac:spMk id="3" creationId="{00000000-0000-0000-0000-000000000000}"/>
          </ac:spMkLst>
        </pc:spChg>
        <pc:spChg chg="del">
          <ac:chgData name="Yonghwi Kwon" userId="70c25efda52b9d58" providerId="LiveId" clId="{AA9654FF-0740-4B9F-9EA9-168026594EBE}" dt="2021-02-08T06:23:32.545" v="312" actId="478"/>
          <ac:spMkLst>
            <pc:docMk/>
            <pc:sldMk cId="1551019156" sldId="461"/>
            <ac:spMk id="5" creationId="{9B9895E4-AD9E-4CD7-882A-EA1E6F4027A7}"/>
          </ac:spMkLst>
        </pc:spChg>
        <pc:spChg chg="add mod">
          <ac:chgData name="Yonghwi Kwon" userId="70c25efda52b9d58" providerId="LiveId" clId="{AA9654FF-0740-4B9F-9EA9-168026594EBE}" dt="2021-02-08T16:39:59.774" v="5224" actId="1076"/>
          <ac:spMkLst>
            <pc:docMk/>
            <pc:sldMk cId="1551019156" sldId="461"/>
            <ac:spMk id="5" creationId="{AF6C01C7-1120-434C-93C0-62B4E35D8A00}"/>
          </ac:spMkLst>
        </pc:spChg>
        <pc:spChg chg="add mod">
          <ac:chgData name="Yonghwi Kwon" userId="70c25efda52b9d58" providerId="LiveId" clId="{AA9654FF-0740-4B9F-9EA9-168026594EBE}" dt="2021-02-08T16:38:45.594" v="5175" actId="207"/>
          <ac:spMkLst>
            <pc:docMk/>
            <pc:sldMk cId="1551019156" sldId="461"/>
            <ac:spMk id="19" creationId="{50F8799A-B77D-492C-A98D-5FD14014049B}"/>
          </ac:spMkLst>
        </pc:spChg>
        <pc:spChg chg="add mod">
          <ac:chgData name="Yonghwi Kwon" userId="70c25efda52b9d58" providerId="LiveId" clId="{AA9654FF-0740-4B9F-9EA9-168026594EBE}" dt="2021-02-08T16:39:59.774" v="5224" actId="1076"/>
          <ac:spMkLst>
            <pc:docMk/>
            <pc:sldMk cId="1551019156" sldId="461"/>
            <ac:spMk id="21" creationId="{23173DF7-0E25-4889-8F9F-4CD01C88C6FF}"/>
          </ac:spMkLst>
        </pc:spChg>
        <pc:picChg chg="add 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6" creationId="{A7A227B0-EFF4-41DB-ACDF-CDB7C4C8FF29}"/>
          </ac:picMkLst>
        </pc:picChg>
        <pc:picChg chg="del mod">
          <ac:chgData name="Yonghwi Kwon" userId="70c25efda52b9d58" providerId="LiveId" clId="{AA9654FF-0740-4B9F-9EA9-168026594EBE}" dt="2021-02-08T06:23:30.989" v="311" actId="478"/>
          <ac:picMkLst>
            <pc:docMk/>
            <pc:sldMk cId="1551019156" sldId="461"/>
            <ac:picMk id="15" creationId="{31E57F85-3BB3-46FD-B63D-1887D38D57A9}"/>
          </ac:picMkLst>
        </pc:picChg>
        <pc:picChg chg="del mod">
          <ac:chgData name="Yonghwi Kwon" userId="70c25efda52b9d58" providerId="LiveId" clId="{AA9654FF-0740-4B9F-9EA9-168026594EBE}" dt="2021-02-08T06:23:30.989" v="311" actId="478"/>
          <ac:picMkLst>
            <pc:docMk/>
            <pc:sldMk cId="1551019156" sldId="461"/>
            <ac:picMk id="16" creationId="{7BDAAF31-1A40-4F37-B443-FFB170423CCB}"/>
          </ac:picMkLst>
        </pc:picChg>
        <pc:picChg chg="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18" creationId="{AF077DD8-74CE-42AE-BA04-4B2712CA831C}"/>
          </ac:picMkLst>
        </pc:picChg>
        <pc:picChg chg="del">
          <ac:chgData name="Yonghwi Kwon" userId="70c25efda52b9d58" providerId="LiveId" clId="{AA9654FF-0740-4B9F-9EA9-168026594EBE}" dt="2021-02-08T06:23:30.989" v="311" actId="478"/>
          <ac:picMkLst>
            <pc:docMk/>
            <pc:sldMk cId="1551019156" sldId="461"/>
            <ac:picMk id="21" creationId="{E46DD1C6-4D8F-4B98-A002-1A666631E8A9}"/>
          </ac:picMkLst>
        </pc:picChg>
        <pc:picChg chg="del">
          <ac:chgData name="Yonghwi Kwon" userId="70c25efda52b9d58" providerId="LiveId" clId="{AA9654FF-0740-4B9F-9EA9-168026594EBE}" dt="2021-02-08T06:23:30.989" v="311" actId="478"/>
          <ac:picMkLst>
            <pc:docMk/>
            <pc:sldMk cId="1551019156" sldId="461"/>
            <ac:picMk id="22" creationId="{DC9FCD3B-5542-4411-B5A4-F3FF18A88C5C}"/>
          </ac:picMkLst>
        </pc:picChg>
        <pc:picChg chg="del">
          <ac:chgData name="Yonghwi Kwon" userId="70c25efda52b9d58" providerId="LiveId" clId="{AA9654FF-0740-4B9F-9EA9-168026594EBE}" dt="2021-02-08T06:23:30.989" v="311" actId="478"/>
          <ac:picMkLst>
            <pc:docMk/>
            <pc:sldMk cId="1551019156" sldId="461"/>
            <ac:picMk id="23" creationId="{FBCEFC3D-9C43-41AB-95DF-79DFC0613D82}"/>
          </ac:picMkLst>
        </pc:picChg>
        <pc:picChg chg="del">
          <ac:chgData name="Yonghwi Kwon" userId="70c25efda52b9d58" providerId="LiveId" clId="{AA9654FF-0740-4B9F-9EA9-168026594EBE}" dt="2021-02-08T06:23:30.989" v="311" actId="478"/>
          <ac:picMkLst>
            <pc:docMk/>
            <pc:sldMk cId="1551019156" sldId="461"/>
            <ac:picMk id="24" creationId="{B3F9BBEF-768B-45FC-889A-14A6D0B09FB7}"/>
          </ac:picMkLst>
        </pc:picChg>
        <pc:picChg chg="add del 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25" creationId="{DFBB6AA3-E733-467E-AC89-6127A4FD2A53}"/>
          </ac:picMkLst>
        </pc:picChg>
        <pc:picChg chg="add 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26" creationId="{4510C9A4-3FFE-4950-9A15-820BE3331808}"/>
          </ac:picMkLst>
        </pc:picChg>
        <pc:picChg chg="add 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27" creationId="{9D848525-08FD-41C7-B839-517663B4C40D}"/>
          </ac:picMkLst>
        </pc:picChg>
        <pc:picChg chg="add 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28" creationId="{7AA4BC11-A4DE-4AEC-89F7-FF33C60F7DA7}"/>
          </ac:picMkLst>
        </pc:picChg>
        <pc:picChg chg="add del mod">
          <ac:chgData name="Yonghwi Kwon" userId="70c25efda52b9d58" providerId="LiveId" clId="{AA9654FF-0740-4B9F-9EA9-168026594EBE}" dt="2021-02-08T06:40:25.607" v="384" actId="478"/>
          <ac:picMkLst>
            <pc:docMk/>
            <pc:sldMk cId="1551019156" sldId="461"/>
            <ac:picMk id="29" creationId="{DACA8A3C-28C2-403A-AEE1-9E4241F66225}"/>
          </ac:picMkLst>
        </pc:picChg>
        <pc:picChg chg="del">
          <ac:chgData name="Yonghwi Kwon" userId="70c25efda52b9d58" providerId="LiveId" clId="{AA9654FF-0740-4B9F-9EA9-168026594EBE}" dt="2021-02-08T06:39:52.896" v="365" actId="478"/>
          <ac:picMkLst>
            <pc:docMk/>
            <pc:sldMk cId="1551019156" sldId="461"/>
            <ac:picMk id="1026" creationId="{D1FD97F3-76EE-424C-B686-0CA142FE25A5}"/>
          </ac:picMkLst>
        </pc:picChg>
        <pc:picChg chg="del mod">
          <ac:chgData name="Yonghwi Kwon" userId="70c25efda52b9d58" providerId="LiveId" clId="{AA9654FF-0740-4B9F-9EA9-168026594EBE}" dt="2021-02-08T06:23:30.989" v="311" actId="478"/>
          <ac:picMkLst>
            <pc:docMk/>
            <pc:sldMk cId="1551019156" sldId="461"/>
            <ac:picMk id="2050" creationId="{31D50E3D-179F-45E6-AE96-8E29FDDEB271}"/>
          </ac:picMkLst>
        </pc:picChg>
        <pc:picChg chg="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2054" creationId="{00000000-0000-0000-0000-000000000000}"/>
          </ac:picMkLst>
        </pc:picChg>
        <pc:picChg chg="add del">
          <ac:chgData name="Yonghwi Kwon" userId="70c25efda52b9d58" providerId="LiveId" clId="{AA9654FF-0740-4B9F-9EA9-168026594EBE}" dt="2021-02-08T06:23:39.752" v="315" actId="478"/>
          <ac:picMkLst>
            <pc:docMk/>
            <pc:sldMk cId="1551019156" sldId="461"/>
            <ac:picMk id="2064" creationId="{00000000-0000-0000-0000-000000000000}"/>
          </ac:picMkLst>
        </pc:picChg>
        <pc:picChg chg="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2068" creationId="{00000000-0000-0000-0000-000000000000}"/>
          </ac:picMkLst>
        </pc:picChg>
        <pc:picChg chg="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2074" creationId="{00000000-0000-0000-0000-000000000000}"/>
          </ac:picMkLst>
        </pc:picChg>
        <pc:picChg chg="mod">
          <ac:chgData name="Yonghwi Kwon" userId="70c25efda52b9d58" providerId="LiveId" clId="{AA9654FF-0740-4B9F-9EA9-168026594EBE}" dt="2021-02-08T06:40:31.125" v="385" actId="1076"/>
          <ac:picMkLst>
            <pc:docMk/>
            <pc:sldMk cId="1551019156" sldId="461"/>
            <ac:picMk id="2078" creationId="{00000000-0000-0000-0000-000000000000}"/>
          </ac:picMkLst>
        </pc:picChg>
        <pc:cxnChg chg="mod">
          <ac:chgData name="Yonghwi Kwon" userId="70c25efda52b9d58" providerId="LiveId" clId="{AA9654FF-0740-4B9F-9EA9-168026594EBE}" dt="2021-02-08T06:40:31.125" v="385" actId="1076"/>
          <ac:cxnSpMkLst>
            <pc:docMk/>
            <pc:sldMk cId="1551019156" sldId="461"/>
            <ac:cxnSpMk id="17" creationId="{DD703A1F-927E-4D90-AF20-F4F0DFAA2248}"/>
          </ac:cxnSpMkLst>
        </pc:cxnChg>
        <pc:cxnChg chg="mod">
          <ac:chgData name="Yonghwi Kwon" userId="70c25efda52b9d58" providerId="LiveId" clId="{AA9654FF-0740-4B9F-9EA9-168026594EBE}" dt="2021-02-08T06:40:31.125" v="385" actId="1076"/>
          <ac:cxnSpMkLst>
            <pc:docMk/>
            <pc:sldMk cId="1551019156" sldId="461"/>
            <ac:cxnSpMk id="20" creationId="{3B066D73-40D0-48BB-A7B5-2612588D3D2E}"/>
          </ac:cxnSpMkLst>
        </pc:cxnChg>
        <pc:cxnChg chg="add mod">
          <ac:chgData name="Yonghwi Kwon" userId="70c25efda52b9d58" providerId="LiveId" clId="{AA9654FF-0740-4B9F-9EA9-168026594EBE}" dt="2021-02-08T06:41:23.743" v="399" actId="14100"/>
          <ac:cxnSpMkLst>
            <pc:docMk/>
            <pc:sldMk cId="1551019156" sldId="461"/>
            <ac:cxnSpMk id="30" creationId="{F35A1B34-2FE0-4858-81E0-71503D9B8455}"/>
          </ac:cxnSpMkLst>
        </pc:cxnChg>
        <pc:cxnChg chg="add mod">
          <ac:chgData name="Yonghwi Kwon" userId="70c25efda52b9d58" providerId="LiveId" clId="{AA9654FF-0740-4B9F-9EA9-168026594EBE}" dt="2021-02-08T06:41:13.137" v="396" actId="33986"/>
          <ac:cxnSpMkLst>
            <pc:docMk/>
            <pc:sldMk cId="1551019156" sldId="461"/>
            <ac:cxnSpMk id="31" creationId="{B6AEFE8D-E3CA-4889-A0D5-F597C904EDD9}"/>
          </ac:cxnSpMkLst>
        </pc:cxnChg>
      </pc:sldChg>
      <pc:sldChg chg="addSp delSp modSp mod modAnim modNotesTx">
        <pc:chgData name="Yonghwi Kwon" userId="70c25efda52b9d58" providerId="LiveId" clId="{AA9654FF-0740-4B9F-9EA9-168026594EBE}" dt="2021-02-09T02:22:41.210" v="9162" actId="20577"/>
        <pc:sldMkLst>
          <pc:docMk/>
          <pc:sldMk cId="2565967164" sldId="462"/>
        </pc:sldMkLst>
        <pc:spChg chg="mod">
          <ac:chgData name="Yonghwi Kwon" userId="70c25efda52b9d58" providerId="LiveId" clId="{AA9654FF-0740-4B9F-9EA9-168026594EBE}" dt="2021-02-08T06:47:12.984" v="490" actId="20577"/>
          <ac:spMkLst>
            <pc:docMk/>
            <pc:sldMk cId="2565967164" sldId="462"/>
            <ac:spMk id="2" creationId="{C99CEE23-38C3-4CD0-8991-EBF497B009A0}"/>
          </ac:spMkLst>
        </pc:spChg>
        <pc:spChg chg="mod">
          <ac:chgData name="Yonghwi Kwon" userId="70c25efda52b9d58" providerId="LiveId" clId="{AA9654FF-0740-4B9F-9EA9-168026594EBE}" dt="2021-02-08T06:53:22.029" v="779" actId="14100"/>
          <ac:spMkLst>
            <pc:docMk/>
            <pc:sldMk cId="2565967164" sldId="462"/>
            <ac:spMk id="3" creationId="{43C74C27-0036-4DAB-AA58-6A6F66438764}"/>
          </ac:spMkLst>
        </pc:spChg>
        <pc:spChg chg="add del mod">
          <ac:chgData name="Yonghwi Kwon" userId="70c25efda52b9d58" providerId="LiveId" clId="{AA9654FF-0740-4B9F-9EA9-168026594EBE}" dt="2021-02-08T06:51:08.606" v="642" actId="478"/>
          <ac:spMkLst>
            <pc:docMk/>
            <pc:sldMk cId="2565967164" sldId="462"/>
            <ac:spMk id="12" creationId="{03C0FD1A-0404-4950-89C2-036AAE27783D}"/>
          </ac:spMkLst>
        </pc:spChg>
        <pc:spChg chg="add mod">
          <ac:chgData name="Yonghwi Kwon" userId="70c25efda52b9d58" providerId="LiveId" clId="{AA9654FF-0740-4B9F-9EA9-168026594EBE}" dt="2021-02-08T07:01:53.608" v="1267" actId="27636"/>
          <ac:spMkLst>
            <pc:docMk/>
            <pc:sldMk cId="2565967164" sldId="462"/>
            <ac:spMk id="13" creationId="{6ED5D3B8-D4B4-4C93-AF38-EB6C5D83A8AB}"/>
          </ac:spMkLst>
        </pc:spChg>
        <pc:picChg chg="del">
          <ac:chgData name="Yonghwi Kwon" userId="70c25efda52b9d58" providerId="LiveId" clId="{AA9654FF-0740-4B9F-9EA9-168026594EBE}" dt="2021-02-08T06:42:40.085" v="404" actId="478"/>
          <ac:picMkLst>
            <pc:docMk/>
            <pc:sldMk cId="2565967164" sldId="462"/>
            <ac:picMk id="11" creationId="{7345BFBE-53D3-4CA3-A9EB-036D44B5EDA7}"/>
          </ac:picMkLst>
        </pc:picChg>
        <pc:picChg chg="add mod">
          <ac:chgData name="Yonghwi Kwon" userId="70c25efda52b9d58" providerId="LiveId" clId="{AA9654FF-0740-4B9F-9EA9-168026594EBE}" dt="2021-02-08T06:49:44.072" v="511" actId="1076"/>
          <ac:picMkLst>
            <pc:docMk/>
            <pc:sldMk cId="2565967164" sldId="462"/>
            <ac:picMk id="2050" creationId="{4B513B67-C9FF-4C7C-9365-67CC159FF8C8}"/>
          </ac:picMkLst>
        </pc:picChg>
        <pc:picChg chg="del">
          <ac:chgData name="Yonghwi Kwon" userId="70c25efda52b9d58" providerId="LiveId" clId="{AA9654FF-0740-4B9F-9EA9-168026594EBE}" dt="2021-02-08T06:42:40.085" v="404" actId="478"/>
          <ac:picMkLst>
            <pc:docMk/>
            <pc:sldMk cId="2565967164" sldId="462"/>
            <ac:picMk id="3074" creationId="{49463FEE-54A1-4A0B-98FE-B67A3063CE17}"/>
          </ac:picMkLst>
        </pc:picChg>
        <pc:picChg chg="del">
          <ac:chgData name="Yonghwi Kwon" userId="70c25efda52b9d58" providerId="LiveId" clId="{AA9654FF-0740-4B9F-9EA9-168026594EBE}" dt="2021-02-08T06:42:40.085" v="404" actId="478"/>
          <ac:picMkLst>
            <pc:docMk/>
            <pc:sldMk cId="2565967164" sldId="462"/>
            <ac:picMk id="3076" creationId="{9C695FD5-3267-438E-B5E7-6C18314D32ED}"/>
          </ac:picMkLst>
        </pc:picChg>
        <pc:picChg chg="del">
          <ac:chgData name="Yonghwi Kwon" userId="70c25efda52b9d58" providerId="LiveId" clId="{AA9654FF-0740-4B9F-9EA9-168026594EBE}" dt="2021-02-08T06:42:40.085" v="404" actId="478"/>
          <ac:picMkLst>
            <pc:docMk/>
            <pc:sldMk cId="2565967164" sldId="462"/>
            <ac:picMk id="3078" creationId="{9B27BF9D-6A09-4346-92DB-4D425AE5F8BE}"/>
          </ac:picMkLst>
        </pc:picChg>
        <pc:picChg chg="del">
          <ac:chgData name="Yonghwi Kwon" userId="70c25efda52b9d58" providerId="LiveId" clId="{AA9654FF-0740-4B9F-9EA9-168026594EBE}" dt="2021-02-08T06:42:40.085" v="404" actId="478"/>
          <ac:picMkLst>
            <pc:docMk/>
            <pc:sldMk cId="2565967164" sldId="462"/>
            <ac:picMk id="3082" creationId="{4890B5DF-FFF6-4F47-8550-798CB374FB42}"/>
          </ac:picMkLst>
        </pc:picChg>
      </pc:sldChg>
      <pc:sldChg chg="modSp mod modNotesTx">
        <pc:chgData name="Yonghwi Kwon" userId="70c25efda52b9d58" providerId="LiveId" clId="{AA9654FF-0740-4B9F-9EA9-168026594EBE}" dt="2021-02-09T08:26:58.863" v="11098" actId="115"/>
        <pc:sldMkLst>
          <pc:docMk/>
          <pc:sldMk cId="4293956855" sldId="463"/>
        </pc:sldMkLst>
        <pc:spChg chg="mod">
          <ac:chgData name="Yonghwi Kwon" userId="70c25efda52b9d58" providerId="LiveId" clId="{AA9654FF-0740-4B9F-9EA9-168026594EBE}" dt="2021-02-08T07:21:28.792" v="1268"/>
          <ac:spMkLst>
            <pc:docMk/>
            <pc:sldMk cId="4293956855" sldId="463"/>
            <ac:spMk id="2" creationId="{D74E25CF-BF53-4140-B45C-6CC0A3BB6AF1}"/>
          </ac:spMkLst>
        </pc:spChg>
        <pc:spChg chg="mod">
          <ac:chgData name="Yonghwi Kwon" userId="70c25efda52b9d58" providerId="LiveId" clId="{AA9654FF-0740-4B9F-9EA9-168026594EBE}" dt="2021-02-09T08:26:58.863" v="11098" actId="115"/>
          <ac:spMkLst>
            <pc:docMk/>
            <pc:sldMk cId="4293956855" sldId="463"/>
            <ac:spMk id="3" creationId="{85794A35-F23E-4020-92F1-1F2D963C1B5E}"/>
          </ac:spMkLst>
        </pc:spChg>
      </pc:sldChg>
      <pc:sldChg chg="del">
        <pc:chgData name="Yonghwi Kwon" userId="70c25efda52b9d58" providerId="LiveId" clId="{AA9654FF-0740-4B9F-9EA9-168026594EBE}" dt="2021-02-08T08:37:38.787" v="2345" actId="47"/>
        <pc:sldMkLst>
          <pc:docMk/>
          <pc:sldMk cId="1068579379" sldId="464"/>
        </pc:sldMkLst>
      </pc:sldChg>
      <pc:sldChg chg="del">
        <pc:chgData name="Yonghwi Kwon" userId="70c25efda52b9d58" providerId="LiveId" clId="{AA9654FF-0740-4B9F-9EA9-168026594EBE}" dt="2021-02-08T08:37:38.787" v="2345" actId="47"/>
        <pc:sldMkLst>
          <pc:docMk/>
          <pc:sldMk cId="2415068094" sldId="465"/>
        </pc:sldMkLst>
      </pc:sldChg>
      <pc:sldChg chg="del">
        <pc:chgData name="Yonghwi Kwon" userId="70c25efda52b9d58" providerId="LiveId" clId="{AA9654FF-0740-4B9F-9EA9-168026594EBE}" dt="2021-02-08T08:37:38.787" v="2345" actId="47"/>
        <pc:sldMkLst>
          <pc:docMk/>
          <pc:sldMk cId="1107618829" sldId="466"/>
        </pc:sldMkLst>
      </pc:sldChg>
      <pc:sldChg chg="del">
        <pc:chgData name="Yonghwi Kwon" userId="70c25efda52b9d58" providerId="LiveId" clId="{AA9654FF-0740-4B9F-9EA9-168026594EBE}" dt="2021-02-08T08:37:38.787" v="2345" actId="47"/>
        <pc:sldMkLst>
          <pc:docMk/>
          <pc:sldMk cId="876578465" sldId="468"/>
        </pc:sldMkLst>
      </pc:sldChg>
      <pc:sldChg chg="del">
        <pc:chgData name="Yonghwi Kwon" userId="70c25efda52b9d58" providerId="LiveId" clId="{AA9654FF-0740-4B9F-9EA9-168026594EBE}" dt="2021-02-08T08:37:38.787" v="2345" actId="47"/>
        <pc:sldMkLst>
          <pc:docMk/>
          <pc:sldMk cId="3136615679" sldId="469"/>
        </pc:sldMkLst>
      </pc:sldChg>
      <pc:sldChg chg="del">
        <pc:chgData name="Yonghwi Kwon" userId="70c25efda52b9d58" providerId="LiveId" clId="{AA9654FF-0740-4B9F-9EA9-168026594EBE}" dt="2021-02-08T08:37:38.787" v="2345" actId="47"/>
        <pc:sldMkLst>
          <pc:docMk/>
          <pc:sldMk cId="3783823749" sldId="470"/>
        </pc:sldMkLst>
      </pc:sldChg>
      <pc:sldChg chg="del">
        <pc:chgData name="Yonghwi Kwon" userId="70c25efda52b9d58" providerId="LiveId" clId="{AA9654FF-0740-4B9F-9EA9-168026594EBE}" dt="2021-02-08T08:37:38.787" v="2345" actId="47"/>
        <pc:sldMkLst>
          <pc:docMk/>
          <pc:sldMk cId="1453376668" sldId="471"/>
        </pc:sldMkLst>
      </pc:sldChg>
      <pc:sldChg chg="modSp mod">
        <pc:chgData name="Yonghwi Kwon" userId="70c25efda52b9d58" providerId="LiveId" clId="{AA9654FF-0740-4B9F-9EA9-168026594EBE}" dt="2021-02-08T08:49:29.805" v="3225" actId="27636"/>
        <pc:sldMkLst>
          <pc:docMk/>
          <pc:sldMk cId="3979546608" sldId="472"/>
        </pc:sldMkLst>
        <pc:spChg chg="mod">
          <ac:chgData name="Yonghwi Kwon" userId="70c25efda52b9d58" providerId="LiveId" clId="{AA9654FF-0740-4B9F-9EA9-168026594EBE}" dt="2021-02-08T08:38:20.033" v="2374" actId="20577"/>
          <ac:spMkLst>
            <pc:docMk/>
            <pc:sldMk cId="3979546608" sldId="472"/>
            <ac:spMk id="2" creationId="{63E9188E-1295-4850-A004-56E8E8D05941}"/>
          </ac:spMkLst>
        </pc:spChg>
        <pc:spChg chg="mod">
          <ac:chgData name="Yonghwi Kwon" userId="70c25efda52b9d58" providerId="LiveId" clId="{AA9654FF-0740-4B9F-9EA9-168026594EBE}" dt="2021-02-08T08:49:29.805" v="3225" actId="27636"/>
          <ac:spMkLst>
            <pc:docMk/>
            <pc:sldMk cId="3979546608" sldId="472"/>
            <ac:spMk id="3" creationId="{B4D68404-F288-490A-8D21-0875AD6C1E41}"/>
          </ac:spMkLst>
        </pc:spChg>
      </pc:sldChg>
      <pc:sldChg chg="del">
        <pc:chgData name="Yonghwi Kwon" userId="70c25efda52b9d58" providerId="LiveId" clId="{AA9654FF-0740-4B9F-9EA9-168026594EBE}" dt="2021-02-08T08:49:47.728" v="3226" actId="47"/>
        <pc:sldMkLst>
          <pc:docMk/>
          <pc:sldMk cId="1196635660" sldId="473"/>
        </pc:sldMkLst>
      </pc:sldChg>
      <pc:sldChg chg="del">
        <pc:chgData name="Yonghwi Kwon" userId="70c25efda52b9d58" providerId="LiveId" clId="{AA9654FF-0740-4B9F-9EA9-168026594EBE}" dt="2021-02-08T08:49:47.728" v="3226" actId="47"/>
        <pc:sldMkLst>
          <pc:docMk/>
          <pc:sldMk cId="2205217862" sldId="474"/>
        </pc:sldMkLst>
      </pc:sldChg>
      <pc:sldChg chg="del">
        <pc:chgData name="Yonghwi Kwon" userId="70c25efda52b9d58" providerId="LiveId" clId="{AA9654FF-0740-4B9F-9EA9-168026594EBE}" dt="2021-02-08T08:49:47.728" v="3226" actId="47"/>
        <pc:sldMkLst>
          <pc:docMk/>
          <pc:sldMk cId="383887014" sldId="475"/>
        </pc:sldMkLst>
      </pc:sldChg>
      <pc:sldChg chg="del">
        <pc:chgData name="Yonghwi Kwon" userId="70c25efda52b9d58" providerId="LiveId" clId="{AA9654FF-0740-4B9F-9EA9-168026594EBE}" dt="2021-02-08T08:49:47.728" v="3226" actId="47"/>
        <pc:sldMkLst>
          <pc:docMk/>
          <pc:sldMk cId="3161755943" sldId="476"/>
        </pc:sldMkLst>
      </pc:sldChg>
      <pc:sldChg chg="del">
        <pc:chgData name="Yonghwi Kwon" userId="70c25efda52b9d58" providerId="LiveId" clId="{AA9654FF-0740-4B9F-9EA9-168026594EBE}" dt="2021-02-08T08:49:47.728" v="3226" actId="47"/>
        <pc:sldMkLst>
          <pc:docMk/>
          <pc:sldMk cId="2691327927" sldId="477"/>
        </pc:sldMkLst>
      </pc:sldChg>
      <pc:sldChg chg="del">
        <pc:chgData name="Yonghwi Kwon" userId="70c25efda52b9d58" providerId="LiveId" clId="{AA9654FF-0740-4B9F-9EA9-168026594EBE}" dt="2021-02-08T08:49:47.728" v="3226" actId="47"/>
        <pc:sldMkLst>
          <pc:docMk/>
          <pc:sldMk cId="459562729" sldId="478"/>
        </pc:sldMkLst>
      </pc:sldChg>
      <pc:sldChg chg="addSp delSp modSp mod modAnim">
        <pc:chgData name="Yonghwi Kwon" userId="70c25efda52b9d58" providerId="LiveId" clId="{AA9654FF-0740-4B9F-9EA9-168026594EBE}" dt="2021-02-08T09:34:35.466" v="4262"/>
        <pc:sldMkLst>
          <pc:docMk/>
          <pc:sldMk cId="68513052" sldId="479"/>
        </pc:sldMkLst>
        <pc:spChg chg="mod">
          <ac:chgData name="Yonghwi Kwon" userId="70c25efda52b9d58" providerId="LiveId" clId="{AA9654FF-0740-4B9F-9EA9-168026594EBE}" dt="2021-02-08T08:49:55.300" v="3237" actId="20577"/>
          <ac:spMkLst>
            <pc:docMk/>
            <pc:sldMk cId="68513052" sldId="479"/>
            <ac:spMk id="2" creationId="{BEBB1514-D142-48B6-81A5-045FEA8B95A9}"/>
          </ac:spMkLst>
        </pc:spChg>
        <pc:spChg chg="mod">
          <ac:chgData name="Yonghwi Kwon" userId="70c25efda52b9d58" providerId="LiveId" clId="{AA9654FF-0740-4B9F-9EA9-168026594EBE}" dt="2021-02-08T08:52:16.992" v="3465" actId="20577"/>
          <ac:spMkLst>
            <pc:docMk/>
            <pc:sldMk cId="68513052" sldId="479"/>
            <ac:spMk id="3" creationId="{1FD6AC2C-5084-4B09-A6B3-D31A8CA637E8}"/>
          </ac:spMkLst>
        </pc:spChg>
        <pc:graphicFrameChg chg="del">
          <ac:chgData name="Yonghwi Kwon" userId="70c25efda52b9d58" providerId="LiveId" clId="{AA9654FF-0740-4B9F-9EA9-168026594EBE}" dt="2021-02-08T08:50:19.381" v="3238" actId="478"/>
          <ac:graphicFrameMkLst>
            <pc:docMk/>
            <pc:sldMk cId="68513052" sldId="479"/>
            <ac:graphicFrameMk id="7" creationId="{007B8A9A-2D46-42E8-882B-EE62CEFA69DE}"/>
          </ac:graphicFrameMkLst>
        </pc:graphicFrameChg>
        <pc:picChg chg="add mod">
          <ac:chgData name="Yonghwi Kwon" userId="70c25efda52b9d58" providerId="LiveId" clId="{AA9654FF-0740-4B9F-9EA9-168026594EBE}" dt="2021-02-08T08:53:17.384" v="3548" actId="14100"/>
          <ac:picMkLst>
            <pc:docMk/>
            <pc:sldMk cId="68513052" sldId="479"/>
            <ac:picMk id="6" creationId="{F7C2A3AF-CEDD-4CAB-8A7D-D7CE7C73B8E8}"/>
          </ac:picMkLst>
        </pc:picChg>
        <pc:cxnChg chg="add mod">
          <ac:chgData name="Yonghwi Kwon" userId="70c25efda52b9d58" providerId="LiveId" clId="{AA9654FF-0740-4B9F-9EA9-168026594EBE}" dt="2021-02-08T09:34:17.477" v="4256" actId="208"/>
          <ac:cxnSpMkLst>
            <pc:docMk/>
            <pc:sldMk cId="68513052" sldId="479"/>
            <ac:cxnSpMk id="9" creationId="{C06ABD50-5924-480B-84E9-FBA083A877B6}"/>
          </ac:cxnSpMkLst>
        </pc:cxnChg>
        <pc:cxnChg chg="add mod">
          <ac:chgData name="Yonghwi Kwon" userId="70c25efda52b9d58" providerId="LiveId" clId="{AA9654FF-0740-4B9F-9EA9-168026594EBE}" dt="2021-02-08T09:34:26.692" v="4261" actId="1036"/>
          <ac:cxnSpMkLst>
            <pc:docMk/>
            <pc:sldMk cId="68513052" sldId="479"/>
            <ac:cxnSpMk id="10" creationId="{1EB8DC2A-3CB3-49D1-B3A7-156703E31FA9}"/>
          </ac:cxnSpMkLst>
        </pc:cxnChg>
      </pc:sldChg>
      <pc:sldChg chg="del">
        <pc:chgData name="Yonghwi Kwon" userId="70c25efda52b9d58" providerId="LiveId" clId="{AA9654FF-0740-4B9F-9EA9-168026594EBE}" dt="2021-02-08T09:02:07.168" v="3607" actId="47"/>
        <pc:sldMkLst>
          <pc:docMk/>
          <pc:sldMk cId="638760836" sldId="480"/>
        </pc:sldMkLst>
      </pc:sldChg>
      <pc:sldChg chg="del">
        <pc:chgData name="Yonghwi Kwon" userId="70c25efda52b9d58" providerId="LiveId" clId="{AA9654FF-0740-4B9F-9EA9-168026594EBE}" dt="2021-02-08T09:02:07.168" v="3607" actId="47"/>
        <pc:sldMkLst>
          <pc:docMk/>
          <pc:sldMk cId="214412145" sldId="481"/>
        </pc:sldMkLst>
      </pc:sldChg>
      <pc:sldChg chg="del">
        <pc:chgData name="Yonghwi Kwon" userId="70c25efda52b9d58" providerId="LiveId" clId="{AA9654FF-0740-4B9F-9EA9-168026594EBE}" dt="2021-02-08T09:02:07.168" v="3607" actId="47"/>
        <pc:sldMkLst>
          <pc:docMk/>
          <pc:sldMk cId="1540540300" sldId="482"/>
        </pc:sldMkLst>
      </pc:sldChg>
      <pc:sldChg chg="del">
        <pc:chgData name="Yonghwi Kwon" userId="70c25efda52b9d58" providerId="LiveId" clId="{AA9654FF-0740-4B9F-9EA9-168026594EBE}" dt="2021-02-08T09:02:07.168" v="3607" actId="47"/>
        <pc:sldMkLst>
          <pc:docMk/>
          <pc:sldMk cId="3817313287" sldId="483"/>
        </pc:sldMkLst>
      </pc:sldChg>
      <pc:sldChg chg="del">
        <pc:chgData name="Yonghwi Kwon" userId="70c25efda52b9d58" providerId="LiveId" clId="{AA9654FF-0740-4B9F-9EA9-168026594EBE}" dt="2021-02-08T09:02:07.168" v="3607" actId="47"/>
        <pc:sldMkLst>
          <pc:docMk/>
          <pc:sldMk cId="3203415737" sldId="484"/>
        </pc:sldMkLst>
      </pc:sldChg>
      <pc:sldChg chg="del">
        <pc:chgData name="Yonghwi Kwon" userId="70c25efda52b9d58" providerId="LiveId" clId="{AA9654FF-0740-4B9F-9EA9-168026594EBE}" dt="2021-02-08T09:02:07.168" v="3607" actId="47"/>
        <pc:sldMkLst>
          <pc:docMk/>
          <pc:sldMk cId="1677854821" sldId="485"/>
        </pc:sldMkLst>
      </pc:sldChg>
      <pc:sldChg chg="del">
        <pc:chgData name="Yonghwi Kwon" userId="70c25efda52b9d58" providerId="LiveId" clId="{AA9654FF-0740-4B9F-9EA9-168026594EBE}" dt="2021-02-08T09:06:13.732" v="3713" actId="47"/>
        <pc:sldMkLst>
          <pc:docMk/>
          <pc:sldMk cId="2045064489" sldId="486"/>
        </pc:sldMkLst>
      </pc:sldChg>
      <pc:sldChg chg="del">
        <pc:chgData name="Yonghwi Kwon" userId="70c25efda52b9d58" providerId="LiveId" clId="{AA9654FF-0740-4B9F-9EA9-168026594EBE}" dt="2021-02-08T09:02:34.152" v="3610" actId="47"/>
        <pc:sldMkLst>
          <pc:docMk/>
          <pc:sldMk cId="2901853458" sldId="487"/>
        </pc:sldMkLst>
      </pc:sldChg>
      <pc:sldChg chg="addSp delSp modSp add del mod">
        <pc:chgData name="Yonghwi Kwon" userId="70c25efda52b9d58" providerId="LiveId" clId="{AA9654FF-0740-4B9F-9EA9-168026594EBE}" dt="2021-02-09T07:02:08.904" v="11030" actId="404"/>
        <pc:sldMkLst>
          <pc:docMk/>
          <pc:sldMk cId="2050977489" sldId="488"/>
        </pc:sldMkLst>
        <pc:spChg chg="mod">
          <ac:chgData name="Yonghwi Kwon" userId="70c25efda52b9d58" providerId="LiveId" clId="{AA9654FF-0740-4B9F-9EA9-168026594EBE}" dt="2021-02-09T07:01:11.902" v="10950" actId="20577"/>
          <ac:spMkLst>
            <pc:docMk/>
            <pc:sldMk cId="2050977489" sldId="488"/>
            <ac:spMk id="2" creationId="{74DAEF87-9401-47D9-8882-49F529D78075}"/>
          </ac:spMkLst>
        </pc:spChg>
        <pc:spChg chg="mod">
          <ac:chgData name="Yonghwi Kwon" userId="70c25efda52b9d58" providerId="LiveId" clId="{AA9654FF-0740-4B9F-9EA9-168026594EBE}" dt="2021-02-09T07:02:08.904" v="11030" actId="404"/>
          <ac:spMkLst>
            <pc:docMk/>
            <pc:sldMk cId="2050977489" sldId="488"/>
            <ac:spMk id="3" creationId="{906E57F0-B160-4699-9E57-80872D7C2CB1}"/>
          </ac:spMkLst>
        </pc:spChg>
        <pc:spChg chg="del">
          <ac:chgData name="Yonghwi Kwon" userId="70c25efda52b9d58" providerId="LiveId" clId="{AA9654FF-0740-4B9F-9EA9-168026594EBE}" dt="2021-02-08T09:04:02.293" v="3627" actId="478"/>
          <ac:spMkLst>
            <pc:docMk/>
            <pc:sldMk cId="2050977489" sldId="488"/>
            <ac:spMk id="9" creationId="{0E7D246B-C6F8-456E-908E-79F5D2A7D4DD}"/>
          </ac:spMkLst>
        </pc:spChg>
        <pc:picChg chg="del">
          <ac:chgData name="Yonghwi Kwon" userId="70c25efda52b9d58" providerId="LiveId" clId="{AA9654FF-0740-4B9F-9EA9-168026594EBE}" dt="2021-02-08T09:03:59.771" v="3626" actId="478"/>
          <ac:picMkLst>
            <pc:docMk/>
            <pc:sldMk cId="2050977489" sldId="488"/>
            <ac:picMk id="5" creationId="{D8BFFC3B-F2D8-4B13-A9E4-FC60AF94ADB3}"/>
          </ac:picMkLst>
        </pc:picChg>
        <pc:picChg chg="del">
          <ac:chgData name="Yonghwi Kwon" userId="70c25efda52b9d58" providerId="LiveId" clId="{AA9654FF-0740-4B9F-9EA9-168026594EBE}" dt="2021-02-08T09:03:59.771" v="3626" actId="478"/>
          <ac:picMkLst>
            <pc:docMk/>
            <pc:sldMk cId="2050977489" sldId="488"/>
            <ac:picMk id="6" creationId="{1B15BAEF-7CA7-4365-A682-7A4D938EB84D}"/>
          </ac:picMkLst>
        </pc:picChg>
        <pc:picChg chg="del">
          <ac:chgData name="Yonghwi Kwon" userId="70c25efda52b9d58" providerId="LiveId" clId="{AA9654FF-0740-4B9F-9EA9-168026594EBE}" dt="2021-02-08T09:04:02.293" v="3627" actId="478"/>
          <ac:picMkLst>
            <pc:docMk/>
            <pc:sldMk cId="2050977489" sldId="488"/>
            <ac:picMk id="8" creationId="{8FCC99C5-788B-421F-B1D6-FD4F4C7A0264}"/>
          </ac:picMkLst>
        </pc:picChg>
        <pc:picChg chg="add mod">
          <ac:chgData name="Yonghwi Kwon" userId="70c25efda52b9d58" providerId="LiveId" clId="{AA9654FF-0740-4B9F-9EA9-168026594EBE}" dt="2021-02-09T07:00:45.735" v="10921" actId="1076"/>
          <ac:picMkLst>
            <pc:docMk/>
            <pc:sldMk cId="2050977489" sldId="488"/>
            <ac:picMk id="10" creationId="{97FA4B6D-C0BC-49FC-9AD7-4E7413671604}"/>
          </ac:picMkLst>
        </pc:picChg>
        <pc:picChg chg="add mod">
          <ac:chgData name="Yonghwi Kwon" userId="70c25efda52b9d58" providerId="LiveId" clId="{AA9654FF-0740-4B9F-9EA9-168026594EBE}" dt="2021-02-09T07:00:45.735" v="10921" actId="1076"/>
          <ac:picMkLst>
            <pc:docMk/>
            <pc:sldMk cId="2050977489" sldId="488"/>
            <ac:picMk id="11" creationId="{CBE705D6-AE2E-4E3A-AA19-8A7E6F8FB188}"/>
          </ac:picMkLst>
        </pc:picChg>
        <pc:picChg chg="add mod">
          <ac:chgData name="Yonghwi Kwon" userId="70c25efda52b9d58" providerId="LiveId" clId="{AA9654FF-0740-4B9F-9EA9-168026594EBE}" dt="2021-02-09T07:00:45.735" v="10921" actId="1076"/>
          <ac:picMkLst>
            <pc:docMk/>
            <pc:sldMk cId="2050977489" sldId="488"/>
            <ac:picMk id="12" creationId="{F4C6BD66-74AD-4EB0-AD93-0F8D945B2273}"/>
          </ac:picMkLst>
        </pc:picChg>
        <pc:picChg chg="add del mod">
          <ac:chgData name="Yonghwi Kwon" userId="70c25efda52b9d58" providerId="LiveId" clId="{AA9654FF-0740-4B9F-9EA9-168026594EBE}" dt="2021-02-08T09:05:14.386" v="3686" actId="478"/>
          <ac:picMkLst>
            <pc:docMk/>
            <pc:sldMk cId="2050977489" sldId="488"/>
            <ac:picMk id="5122" creationId="{7BE8CA8B-C90A-4B6E-B2E4-DACC42884491}"/>
          </ac:picMkLst>
        </pc:picChg>
        <pc:picChg chg="add mod">
          <ac:chgData name="Yonghwi Kwon" userId="70c25efda52b9d58" providerId="LiveId" clId="{AA9654FF-0740-4B9F-9EA9-168026594EBE}" dt="2021-02-09T07:00:45.735" v="10921" actId="1076"/>
          <ac:picMkLst>
            <pc:docMk/>
            <pc:sldMk cId="2050977489" sldId="488"/>
            <ac:picMk id="5124" creationId="{D09E66ED-289C-47B7-8060-F4E8D0C584F8}"/>
          </ac:picMkLst>
        </pc:picChg>
      </pc:sldChg>
      <pc:sldChg chg="del">
        <pc:chgData name="Yonghwi Kwon" userId="70c25efda52b9d58" providerId="LiveId" clId="{AA9654FF-0740-4B9F-9EA9-168026594EBE}" dt="2021-02-08T08:37:38.787" v="2345" actId="47"/>
        <pc:sldMkLst>
          <pc:docMk/>
          <pc:sldMk cId="521918894" sldId="489"/>
        </pc:sldMkLst>
      </pc:sldChg>
      <pc:sldChg chg="del">
        <pc:chgData name="Yonghwi Kwon" userId="70c25efda52b9d58" providerId="LiveId" clId="{AA9654FF-0740-4B9F-9EA9-168026594EBE}" dt="2021-02-08T09:02:07.168" v="3607" actId="47"/>
        <pc:sldMkLst>
          <pc:docMk/>
          <pc:sldMk cId="1390246442" sldId="490"/>
        </pc:sldMkLst>
      </pc:sldChg>
      <pc:sldChg chg="del">
        <pc:chgData name="Yonghwi Kwon" userId="70c25efda52b9d58" providerId="LiveId" clId="{AA9654FF-0740-4B9F-9EA9-168026594EBE}" dt="2021-02-08T09:02:07.168" v="3607" actId="47"/>
        <pc:sldMkLst>
          <pc:docMk/>
          <pc:sldMk cId="3876495023" sldId="491"/>
        </pc:sldMkLst>
      </pc:sldChg>
      <pc:sldChg chg="del">
        <pc:chgData name="Yonghwi Kwon" userId="70c25efda52b9d58" providerId="LiveId" clId="{AA9654FF-0740-4B9F-9EA9-168026594EBE}" dt="2021-02-08T09:02:07.168" v="3607" actId="47"/>
        <pc:sldMkLst>
          <pc:docMk/>
          <pc:sldMk cId="3816607990" sldId="492"/>
        </pc:sldMkLst>
      </pc:sldChg>
      <pc:sldChg chg="del">
        <pc:chgData name="Yonghwi Kwon" userId="70c25efda52b9d58" providerId="LiveId" clId="{AA9654FF-0740-4B9F-9EA9-168026594EBE}" dt="2021-02-08T09:05:50.593" v="3712" actId="47"/>
        <pc:sldMkLst>
          <pc:docMk/>
          <pc:sldMk cId="3686680600" sldId="493"/>
        </pc:sldMkLst>
      </pc:sldChg>
      <pc:sldChg chg="addSp delSp modSp new mod delAnim modAnim modNotesTx">
        <pc:chgData name="Yonghwi Kwon" userId="70c25efda52b9d58" providerId="LiveId" clId="{AA9654FF-0740-4B9F-9EA9-168026594EBE}" dt="2021-02-09T02:50:31.416" v="10330" actId="20577"/>
        <pc:sldMkLst>
          <pc:docMk/>
          <pc:sldMk cId="3098422863" sldId="494"/>
        </pc:sldMkLst>
        <pc:spChg chg="mod">
          <ac:chgData name="Yonghwi Kwon" userId="70c25efda52b9d58" providerId="LiveId" clId="{AA9654FF-0740-4B9F-9EA9-168026594EBE}" dt="2021-02-08T07:42:08.740" v="1867" actId="20577"/>
          <ac:spMkLst>
            <pc:docMk/>
            <pc:sldMk cId="3098422863" sldId="494"/>
            <ac:spMk id="2" creationId="{26ED4744-3C17-45EE-B382-5032C9367220}"/>
          </ac:spMkLst>
        </pc:spChg>
        <pc:spChg chg="del">
          <ac:chgData name="Yonghwi Kwon" userId="70c25efda52b9d58" providerId="LiveId" clId="{AA9654FF-0740-4B9F-9EA9-168026594EBE}" dt="2021-02-08T07:42:12.494" v="1868" actId="478"/>
          <ac:spMkLst>
            <pc:docMk/>
            <pc:sldMk cId="3098422863" sldId="494"/>
            <ac:spMk id="3" creationId="{07DBD266-CE8D-423E-A2D2-AB549761CD2D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6" creationId="{5EAEB94F-FFD8-4EEB-8BD8-62C95AD0D2FC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7" creationId="{53413122-4FE6-48C1-9698-D7EB64B5DF61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8" creationId="{169B53A5-71DB-43B6-A09D-EC97553F2593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9" creationId="{719B3310-7779-4859-9D91-9887DC559458}"/>
          </ac:spMkLst>
        </pc:spChg>
        <pc:spChg chg="add del mod">
          <ac:chgData name="Yonghwi Kwon" userId="70c25efda52b9d58" providerId="LiveId" clId="{AA9654FF-0740-4B9F-9EA9-168026594EBE}" dt="2021-02-08T09:11:10.068" v="4191" actId="478"/>
          <ac:spMkLst>
            <pc:docMk/>
            <pc:sldMk cId="3098422863" sldId="494"/>
            <ac:spMk id="10" creationId="{1DD1FE27-EE32-4728-A34C-70481C5D349E}"/>
          </ac:spMkLst>
        </pc:spChg>
        <pc:spChg chg="add del mod">
          <ac:chgData name="Yonghwi Kwon" userId="70c25efda52b9d58" providerId="LiveId" clId="{AA9654FF-0740-4B9F-9EA9-168026594EBE}" dt="2021-02-08T09:11:10.068" v="4191" actId="478"/>
          <ac:spMkLst>
            <pc:docMk/>
            <pc:sldMk cId="3098422863" sldId="494"/>
            <ac:spMk id="11" creationId="{B603140A-1687-4EB5-BFC8-45A72BAD5461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12" creationId="{8AEF8C54-6C4B-483C-A2E3-8EDE1E67EA5F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13" creationId="{56079FC7-853A-4E6F-97B3-08B1F5D59088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14" creationId="{C935FB9C-BF95-4611-A55D-686F8EB2D540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15" creationId="{49D47C77-F861-4F44-8B0A-2F3E61EE929E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16" creationId="{C00EBC8A-ADFF-49E0-9B93-29248E1A0DBF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17" creationId="{FD76E535-0E3B-4C80-8A4F-44809F44045B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18" creationId="{A0DAD424-A6A6-4A5E-886B-1B3C9333ECC7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19" creationId="{27943E48-51D6-44FF-8FB9-30CD81003996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0" creationId="{0ECC1AA3-751F-4592-9BB1-F6352331C9B0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1" creationId="{B5414E7A-AEBF-4A0A-AF03-EC496AA2D9F9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2" creationId="{DEB9CD64-FCF9-4872-9501-A29BDDDD5D58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3" creationId="{C92988A9-3747-4F83-A9B7-D6B84CC96690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4" creationId="{21B7B336-50B9-4B14-A8A1-7C911CB6DCAC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5" creationId="{3819CC36-73CA-43B8-8A98-94D72272533A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6" creationId="{DDC8BB7B-B2EA-4F1B-BC4F-0D689940675B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7" creationId="{A75516CC-09EA-4CE9-A60B-910F8B2F60B5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8" creationId="{65360587-26C4-4480-957E-40B314DF97DB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29" creationId="{601E58E0-EC07-4530-93A4-C22541BF8967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0" creationId="{DFB918CD-7F2C-47EB-85D6-BD44F812C6EB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1" creationId="{58EA3E07-F8A1-4454-B80A-0E84EEF74E2F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2" creationId="{F668E5FC-10A6-468F-BC05-173B4C2D14A6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3" creationId="{C80ACD3F-A8DF-4C6E-86AF-E978B31B57EF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4" creationId="{41A78E1C-B8D8-4C01-85A7-573BF4E50A11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5" creationId="{A9F27A88-2072-446C-B179-08C471104C26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6" creationId="{B3FF8508-A848-42DC-A4A3-6C8C54FF5009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7" creationId="{89683D52-B795-4682-9866-74B28FBF7A55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8" creationId="{0D5F0AB7-F2BC-42E7-BF2A-D18DFC2D0CAD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39" creationId="{589D75E5-47E8-4D82-8270-5035E8DBFCCC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0" creationId="{EF173D27-62A7-4BB5-93AA-D4AC00CDA2E4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1" creationId="{5BAAB730-EB0B-4336-B853-E8A47F13B6DB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2" creationId="{A47B309B-1D56-420C-817D-63519012CEF7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3" creationId="{7577239F-DD59-4805-AFD5-4EADF939CCC6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4" creationId="{C561ED62-2ED1-4FEB-A64A-11DF7C0BF0CE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5" creationId="{3807AC30-7227-4D30-9120-C35F482A94B3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6" creationId="{771D1D36-D47E-4013-B5D3-7855C6F32BD4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7" creationId="{96F9B7C5-3949-464B-8A25-3305A93EC079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8" creationId="{FBCD3FED-7792-4A8C-824B-8440FBCC872E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49" creationId="{B1A5D59B-49AF-48B4-B6EB-38F207054490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50" creationId="{8F91F856-7A10-4A62-9418-884AEFCBB25C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51" creationId="{BC28DE3B-EE1D-4E03-A02E-EB28FF4704B2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52" creationId="{2457D701-4DD8-43D9-8D46-073E886FBE1C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53" creationId="{12288BCA-7623-40F1-9186-2271859A6345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54" creationId="{873B1984-24AA-4F43-8735-AD843D243E6A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55" creationId="{6953F32A-56D2-45F2-BABB-25619ED36E3B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56" creationId="{7FC3F5AD-565E-44CE-B0BC-E6FD75C894A4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57" creationId="{C9E5D1D0-CF25-4C17-BED9-F256E5B9A35B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67" creationId="{2C911DD4-ACE8-4D65-AB2C-750EE75D1CE8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68" creationId="{741976F9-7CB0-438B-A13D-07B4D2F183D4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69" creationId="{4802513D-C48A-4779-8B7E-167D1FAD350E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73" creationId="{84A6923B-AB94-41CC-A000-B7E7383030BC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74" creationId="{6EB57CD9-51D9-497D-947F-6B0545F0D82C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75" creationId="{A0089CD8-EF1F-4D62-8129-0F067EA37CE4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78" creationId="{A3D45526-9248-40C2-9728-644C0B2BC239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79" creationId="{C2F137CD-B230-4278-8BC6-D661DD705F3F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80" creationId="{F0B790A1-CCAE-4C8A-9C2D-D8BBE4DC8ACB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81" creationId="{667C9027-2E30-4C3F-B982-6B1BFCCC25A5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82" creationId="{5615D66C-C923-4BD4-A1D8-37BD012154A6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83" creationId="{0366CD0F-ACAF-48B4-83EC-2D3D1D3C6FAE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85" creationId="{BCCB966F-169C-4FB5-904A-CB42CA83F6FE}"/>
          </ac:spMkLst>
        </pc:spChg>
        <pc:spChg chg="add del mod">
          <ac:chgData name="Yonghwi Kwon" userId="70c25efda52b9d58" providerId="LiveId" clId="{AA9654FF-0740-4B9F-9EA9-168026594EBE}" dt="2021-02-08T09:10:55.895" v="4187" actId="478"/>
          <ac:spMkLst>
            <pc:docMk/>
            <pc:sldMk cId="3098422863" sldId="494"/>
            <ac:spMk id="87" creationId="{3FDC4F7B-AD99-4F4A-8049-D2D804EA1AA9}"/>
          </ac:spMkLst>
        </pc:spChg>
        <pc:picChg chg="add mod">
          <ac:chgData name="Yonghwi Kwon" userId="70c25efda52b9d58" providerId="LiveId" clId="{AA9654FF-0740-4B9F-9EA9-168026594EBE}" dt="2021-02-08T16:42:14.141" v="5233" actId="1076"/>
          <ac:picMkLst>
            <pc:docMk/>
            <pc:sldMk cId="3098422863" sldId="494"/>
            <ac:picMk id="7" creationId="{364C442B-69C0-463F-9F7D-508B349007EA}"/>
          </ac:picMkLst>
        </pc:picChg>
        <pc:picChg chg="add mod">
          <ac:chgData name="Yonghwi Kwon" userId="70c25efda52b9d58" providerId="LiveId" clId="{AA9654FF-0740-4B9F-9EA9-168026594EBE}" dt="2021-02-08T09:11:21.915" v="4194" actId="1076"/>
          <ac:picMkLst>
            <pc:docMk/>
            <pc:sldMk cId="3098422863" sldId="494"/>
            <ac:picMk id="92" creationId="{50C20C0B-61F5-447D-B205-C9C65F326702}"/>
          </ac:picMkLst>
        </pc:picChg>
        <pc:picChg chg="add mod">
          <ac:chgData name="Yonghwi Kwon" userId="70c25efda52b9d58" providerId="LiveId" clId="{AA9654FF-0740-4B9F-9EA9-168026594EBE}" dt="2021-02-08T09:11:21.915" v="4194" actId="1076"/>
          <ac:picMkLst>
            <pc:docMk/>
            <pc:sldMk cId="3098422863" sldId="494"/>
            <ac:picMk id="113" creationId="{B94D4C6E-749F-4215-B2D1-D9DD60A5DA6D}"/>
          </ac:picMkLst>
        </pc:picChg>
        <pc:picChg chg="add mod">
          <ac:chgData name="Yonghwi Kwon" userId="70c25efda52b9d58" providerId="LiveId" clId="{AA9654FF-0740-4B9F-9EA9-168026594EBE}" dt="2021-02-08T09:16:35.608" v="4206" actId="14100"/>
          <ac:picMkLst>
            <pc:docMk/>
            <pc:sldMk cId="3098422863" sldId="494"/>
            <ac:picMk id="116" creationId="{88D093EA-71A4-4D2F-A45A-4BB49F5BAA77}"/>
          </ac:picMkLst>
        </pc:picChg>
        <pc:picChg chg="add del mod">
          <ac:chgData name="Yonghwi Kwon" userId="70c25efda52b9d58" providerId="LiveId" clId="{AA9654FF-0740-4B9F-9EA9-168026594EBE}" dt="2021-02-08T07:44:48.039" v="1906" actId="478"/>
          <ac:picMkLst>
            <pc:docMk/>
            <pc:sldMk cId="3098422863" sldId="494"/>
            <ac:picMk id="3074" creationId="{4E87B737-2DC6-4A42-B137-E6FA32ED662E}"/>
          </ac:picMkLst>
        </pc:pic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5" creationId="{457B597C-6F9D-4819-BBD6-7E07F8278471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58" creationId="{ABB3CCDC-DECF-468D-8294-AABD03674EE4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59" creationId="{BAFACFFC-146D-4542-8973-BE5A13A0E082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60" creationId="{8F7CA45B-22CF-41E2-9CFC-EEED93735AB5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61" creationId="{23BD955C-5B77-442B-85CD-13DF51970AA3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62" creationId="{B6CF5561-27F5-4BFD-B328-8B743399284A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63" creationId="{FBF158CA-3E54-4E16-A8CC-CB716465A75A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64" creationId="{BA63D2DF-8603-4DA6-BC21-6E2138786831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65" creationId="{1972AFDA-81FD-4E30-808A-412B476D1165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66" creationId="{6CD1FEAA-124D-48D7-AEF5-7565AD26C275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70" creationId="{5DDD1746-3D0B-4323-8E20-43740A415741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71" creationId="{01EF6354-E6DE-48E6-AFFD-645BC06761CC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72" creationId="{23CB6A10-8F72-4D9D-A68B-0FCAC9E92899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76" creationId="{447A76B1-CF53-4FA4-A1BA-67852D28FFA7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77" creationId="{3144AC5B-C4A1-429E-89ED-0FC95315C65A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84" creationId="{6662D847-AB0C-4BFA-B3AE-7A240639952B}"/>
          </ac:cxnSpMkLst>
        </pc:cxnChg>
        <pc:cxnChg chg="add del mod">
          <ac:chgData name="Yonghwi Kwon" userId="70c25efda52b9d58" providerId="LiveId" clId="{AA9654FF-0740-4B9F-9EA9-168026594EBE}" dt="2021-02-08T09:10:55.895" v="4187" actId="478"/>
          <ac:cxnSpMkLst>
            <pc:docMk/>
            <pc:sldMk cId="3098422863" sldId="494"/>
            <ac:cxnSpMk id="86" creationId="{B8BA3388-AA1B-4192-871B-91A4B640FE28}"/>
          </ac:cxnSpMkLst>
        </pc:cxnChg>
        <pc:cxnChg chg="add del mod ord">
          <ac:chgData name="Yonghwi Kwon" userId="70c25efda52b9d58" providerId="LiveId" clId="{AA9654FF-0740-4B9F-9EA9-168026594EBE}" dt="2021-02-08T09:11:37.276" v="4196" actId="478"/>
          <ac:cxnSpMkLst>
            <pc:docMk/>
            <pc:sldMk cId="3098422863" sldId="494"/>
            <ac:cxnSpMk id="89" creationId="{2A4AC2B2-40BF-4461-A144-3B3799194CAC}"/>
          </ac:cxnSpMkLst>
        </pc:cxnChg>
        <pc:cxnChg chg="add del mod">
          <ac:chgData name="Yonghwi Kwon" userId="70c25efda52b9d58" providerId="LiveId" clId="{AA9654FF-0740-4B9F-9EA9-168026594EBE}" dt="2021-02-08T09:10:59.526" v="4188" actId="478"/>
          <ac:cxnSpMkLst>
            <pc:docMk/>
            <pc:sldMk cId="3098422863" sldId="494"/>
            <ac:cxnSpMk id="95" creationId="{A9F5EA27-6B59-4F24-9C5D-4465D24CC834}"/>
          </ac:cxnSpMkLst>
        </pc:cxnChg>
        <pc:cxnChg chg="add del mod">
          <ac:chgData name="Yonghwi Kwon" userId="70c25efda52b9d58" providerId="LiveId" clId="{AA9654FF-0740-4B9F-9EA9-168026594EBE}" dt="2021-02-08T09:10:59.526" v="4188" actId="478"/>
          <ac:cxnSpMkLst>
            <pc:docMk/>
            <pc:sldMk cId="3098422863" sldId="494"/>
            <ac:cxnSpMk id="100" creationId="{7992CD7F-6304-40C3-8F71-F8071ACEA042}"/>
          </ac:cxnSpMkLst>
        </pc:cxnChg>
        <pc:cxnChg chg="add del mod">
          <ac:chgData name="Yonghwi Kwon" userId="70c25efda52b9d58" providerId="LiveId" clId="{AA9654FF-0740-4B9F-9EA9-168026594EBE}" dt="2021-02-08T07:48:34.924" v="1936" actId="478"/>
          <ac:cxnSpMkLst>
            <pc:docMk/>
            <pc:sldMk cId="3098422863" sldId="494"/>
            <ac:cxnSpMk id="110" creationId="{DB574F51-ABA9-48AB-8DCD-7519164C0C53}"/>
          </ac:cxnSpMkLst>
        </pc:cxnChg>
      </pc:sldChg>
      <pc:sldChg chg="addSp delSp modSp new mod modAnim">
        <pc:chgData name="Yonghwi Kwon" userId="70c25efda52b9d58" providerId="LiveId" clId="{AA9654FF-0740-4B9F-9EA9-168026594EBE}" dt="2021-02-08T08:03:01.412" v="2038" actId="1076"/>
        <pc:sldMkLst>
          <pc:docMk/>
          <pc:sldMk cId="2585627294" sldId="495"/>
        </pc:sldMkLst>
        <pc:spChg chg="mod">
          <ac:chgData name="Yonghwi Kwon" userId="70c25efda52b9d58" providerId="LiveId" clId="{AA9654FF-0740-4B9F-9EA9-168026594EBE}" dt="2021-02-08T08:00:09.217" v="2007" actId="57"/>
          <ac:spMkLst>
            <pc:docMk/>
            <pc:sldMk cId="2585627294" sldId="495"/>
            <ac:spMk id="2" creationId="{C598EA91-4DEC-4270-9878-D1F58CAE9315}"/>
          </ac:spMkLst>
        </pc:spChg>
        <pc:spChg chg="del">
          <ac:chgData name="Yonghwi Kwon" userId="70c25efda52b9d58" providerId="LiveId" clId="{AA9654FF-0740-4B9F-9EA9-168026594EBE}" dt="2021-02-08T08:00:18.358" v="2008" actId="478"/>
          <ac:spMkLst>
            <pc:docMk/>
            <pc:sldMk cId="2585627294" sldId="495"/>
            <ac:spMk id="3" creationId="{0D55CD81-6A06-497C-93E5-3489BE049F5B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5" creationId="{84ABC3F4-767C-44ED-A2CB-63B3A40D0277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7" creationId="{386FAB35-3DF6-42FF-A2E4-D31A52E95769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8" creationId="{9B483592-8599-435F-B736-586E26F22CA0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10" creationId="{1B1B3628-A33F-454E-B244-4C4570B89314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12" creationId="{38CF5021-A272-4FFB-A5B2-C8A58D460FDC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13" creationId="{B3C2FDA7-1DE3-4F42-B814-4AB239119CB7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14" creationId="{048F62EB-DED0-4C86-9718-E6652249FA4F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17" creationId="{ED8D458C-F003-434C-9767-288E82BF1415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22" creationId="{3A0499C1-554A-4EC4-8342-CD3C1154F720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24" creationId="{A840DE20-6DE7-495F-BA72-858CBC2AAC75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27" creationId="{76A100EE-D6A3-4133-AD14-6919BFD045B5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29" creationId="{DC6406C8-3DC2-4421-8913-211D3121E5A5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32" creationId="{A3A12D5C-51BA-48A3-A468-91E051B77BA6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33" creationId="{35D486FB-114C-460C-84BF-9502AB42672F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34" creationId="{24C9B144-05E3-433E-88AC-3929DBDBE10B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37" creationId="{1D178B9C-B35A-46D0-B5DD-EB389FE851E3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38" creationId="{D7B85EC7-1D87-4E02-9F8F-12F9FEF03E9F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39" creationId="{F6B47A36-C4DD-4273-A58D-660B9E2BA146}"/>
          </ac:spMkLst>
        </pc:spChg>
        <pc:spChg chg="add mod topLvl">
          <ac:chgData name="Yonghwi Kwon" userId="70c25efda52b9d58" providerId="LiveId" clId="{AA9654FF-0740-4B9F-9EA9-168026594EBE}" dt="2021-02-08T08:03:01.412" v="2038" actId="1076"/>
          <ac:spMkLst>
            <pc:docMk/>
            <pc:sldMk cId="2585627294" sldId="495"/>
            <ac:spMk id="40" creationId="{F27F4F78-BCAD-42BC-A373-E8144FE198A7}"/>
          </ac:spMkLst>
        </pc:spChg>
        <pc:spChg chg="add del mod topLvl">
          <ac:chgData name="Yonghwi Kwon" userId="70c25efda52b9d58" providerId="LiveId" clId="{AA9654FF-0740-4B9F-9EA9-168026594EBE}" dt="2021-02-08T08:01:10.204" v="2022" actId="478"/>
          <ac:spMkLst>
            <pc:docMk/>
            <pc:sldMk cId="2585627294" sldId="495"/>
            <ac:spMk id="41" creationId="{EDF2437F-C0DA-43C4-8A4B-2AC5F807F5C2}"/>
          </ac:spMkLst>
        </pc:spChg>
        <pc:spChg chg="add del mod topLvl">
          <ac:chgData name="Yonghwi Kwon" userId="70c25efda52b9d58" providerId="LiveId" clId="{AA9654FF-0740-4B9F-9EA9-168026594EBE}" dt="2021-02-08T08:01:12.959" v="2023" actId="478"/>
          <ac:spMkLst>
            <pc:docMk/>
            <pc:sldMk cId="2585627294" sldId="495"/>
            <ac:spMk id="42" creationId="{91C2B32D-7F00-43ED-AAB4-CC6AFC79E3E8}"/>
          </ac:spMkLst>
        </pc:spChg>
        <pc:spChg chg="add del mod topLvl">
          <ac:chgData name="Yonghwi Kwon" userId="70c25efda52b9d58" providerId="LiveId" clId="{AA9654FF-0740-4B9F-9EA9-168026594EBE}" dt="2021-02-08T08:01:16.715" v="2024" actId="478"/>
          <ac:spMkLst>
            <pc:docMk/>
            <pc:sldMk cId="2585627294" sldId="495"/>
            <ac:spMk id="43" creationId="{AF7A47FB-77AB-420C-8A75-35D1FC9A0E23}"/>
          </ac:spMkLst>
        </pc:spChg>
        <pc:grpChg chg="add del mod">
          <ac:chgData name="Yonghwi Kwon" userId="70c25efda52b9d58" providerId="LiveId" clId="{AA9654FF-0740-4B9F-9EA9-168026594EBE}" dt="2021-02-08T08:00:58.840" v="2021" actId="165"/>
          <ac:grpSpMkLst>
            <pc:docMk/>
            <pc:sldMk cId="2585627294" sldId="495"/>
            <ac:grpSpMk id="44" creationId="{27F719DE-D0D0-419B-87DE-F496E7331535}"/>
          </ac:grpSpMkLst>
        </pc:grpChg>
        <pc:picChg chg="add del mod topLvl">
          <ac:chgData name="Yonghwi Kwon" userId="70c25efda52b9d58" providerId="LiveId" clId="{AA9654FF-0740-4B9F-9EA9-168026594EBE}" dt="2021-02-08T08:02:17.443" v="2036" actId="478"/>
          <ac:picMkLst>
            <pc:docMk/>
            <pc:sldMk cId="2585627294" sldId="495"/>
            <ac:picMk id="31" creationId="{53B68059-F808-4588-B80E-40750CCABC2F}"/>
          </ac:picMkLst>
        </pc:pic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6" creationId="{7EEA9D9F-0519-4E7E-98A8-8E8A8426E440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9" creationId="{8C7CA32A-1BB7-4081-818D-C5AA333ED1C3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11" creationId="{5E2513E2-9027-4F37-8CF2-1BF65F8A4700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15" creationId="{1896269A-1164-4799-9CB9-60416162F0EE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16" creationId="{B6F754A6-4FE3-42C1-9560-170426571740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18" creationId="{FF5ABD53-F02E-48A6-936C-DAE251A875EF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19" creationId="{4790CBB7-162C-4129-981F-E1FA9208E060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20" creationId="{18C3EC71-11DF-42CE-A674-A91CD8ED8368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21" creationId="{4D079D76-F6D2-4BEF-B58E-2AA094D39ECC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23" creationId="{CE70BA47-BDBF-4045-9370-33C7F4B8FCCD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25" creationId="{0C474042-C772-4166-97B1-1DA3E6C7943F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26" creationId="{F92CFF48-C295-4B48-8EE3-40BE0692EFBF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28" creationId="{2370DC47-BA2D-4CEF-A611-93086474F942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30" creationId="{C6783364-14E6-4605-BA85-9BD87BE35884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35" creationId="{023754D1-BF53-4C17-A0BA-977FC8E7E3FD}"/>
          </ac:cxnSpMkLst>
        </pc:cxnChg>
        <pc:cxnChg chg="add mod topLvl">
          <ac:chgData name="Yonghwi Kwon" userId="70c25efda52b9d58" providerId="LiveId" clId="{AA9654FF-0740-4B9F-9EA9-168026594EBE}" dt="2021-02-08T08:03:01.412" v="2038" actId="1076"/>
          <ac:cxnSpMkLst>
            <pc:docMk/>
            <pc:sldMk cId="2585627294" sldId="495"/>
            <ac:cxnSpMk id="36" creationId="{2379CF99-BDEA-47FC-98EC-DF016EFC98EC}"/>
          </ac:cxnSpMkLst>
        </pc:cxnChg>
      </pc:sldChg>
      <pc:sldChg chg="addSp delSp modSp new mod delAnim modAnim">
        <pc:chgData name="Yonghwi Kwon" userId="70c25efda52b9d58" providerId="LiveId" clId="{AA9654FF-0740-4B9F-9EA9-168026594EBE}" dt="2021-02-08T08:36:17.226" v="2344"/>
        <pc:sldMkLst>
          <pc:docMk/>
          <pc:sldMk cId="1175434154" sldId="496"/>
        </pc:sldMkLst>
        <pc:spChg chg="mod">
          <ac:chgData name="Yonghwi Kwon" userId="70c25efda52b9d58" providerId="LiveId" clId="{AA9654FF-0740-4B9F-9EA9-168026594EBE}" dt="2021-02-08T08:06:58.220" v="2153" actId="113"/>
          <ac:spMkLst>
            <pc:docMk/>
            <pc:sldMk cId="1175434154" sldId="496"/>
            <ac:spMk id="2" creationId="{506C3C9A-8003-41F5-9A9C-9D3E08B88B1A}"/>
          </ac:spMkLst>
        </pc:spChg>
        <pc:spChg chg="del">
          <ac:chgData name="Yonghwi Kwon" userId="70c25efda52b9d58" providerId="LiveId" clId="{AA9654FF-0740-4B9F-9EA9-168026594EBE}" dt="2021-02-08T08:08:02.763" v="2154" actId="478"/>
          <ac:spMkLst>
            <pc:docMk/>
            <pc:sldMk cId="1175434154" sldId="496"/>
            <ac:spMk id="3" creationId="{E38324F4-A37D-440E-AD67-CF1842E3C303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5" creationId="{9AB67DB0-D86F-41A9-B39E-981731DEFF8F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6" creationId="{FFE69558-1F68-48BE-96BF-A74F8B6505BA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7" creationId="{73C2A567-D3A7-4638-9523-221DFB82A315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8" creationId="{ECC04BDB-EF03-4107-A0D1-4B3E4FBB9ED6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9" creationId="{C5773494-EEE5-474C-9E69-E8AA9A09A7A4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0" creationId="{23B94EDD-DF12-4AEC-90E8-31AFD773A61A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1" creationId="{2D2ACCB4-5ABE-49F8-AE7A-F170F2314A35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2" creationId="{4D106681-AA5C-4774-AFBC-B43C6A25A6BD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3" creationId="{2BE50AA4-5642-4D36-89AE-3C2B5A8D619B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4" creationId="{D399848E-339F-4E09-8C78-CB55C498FBB6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5" creationId="{B1787A2C-52C2-4BA0-922E-87FE619DAF4C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6" creationId="{D116858F-DD55-4B79-A0FB-F012D69309C2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7" creationId="{7847944C-CC6F-4B43-B7EA-1D51BE490951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8" creationId="{F0432A7F-57A6-4C12-BB26-1C740B44334A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19" creationId="{CC4D7E6A-0E44-4D23-84E2-1965E4486DC4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20" creationId="{63966D9B-399C-4504-A088-0FAF9C8DFD4F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22" creationId="{B3AADB37-6DC3-4CAF-BD73-7292E07353FA}"/>
          </ac:spMkLst>
        </pc:spChg>
        <pc:spChg chg="add mod">
          <ac:chgData name="Yonghwi Kwon" userId="70c25efda52b9d58" providerId="LiveId" clId="{AA9654FF-0740-4B9F-9EA9-168026594EBE}" dt="2021-02-08T08:08:40.242" v="2164" actId="1076"/>
          <ac:spMkLst>
            <pc:docMk/>
            <pc:sldMk cId="1175434154" sldId="496"/>
            <ac:spMk id="23" creationId="{6166892C-9767-494A-8F66-EA57D7FAA471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24" creationId="{5E4A5E6A-94EE-417A-8B82-4161E46F2F49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25" creationId="{DC1CF830-C0BA-4AED-94EA-687EF535AADD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26" creationId="{07CB7464-D8A1-4B7F-9782-51C0EFC0F0D2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27" creationId="{628E2206-1327-4F17-B117-2B0C115BA422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28" creationId="{00CD464D-8903-4D1B-B686-B775C156D60E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29" creationId="{2DE77F72-A572-42EA-885A-F3B6ED5F3F36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30" creationId="{F1F7688C-1B08-47FB-903E-9F9552D0C409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31" creationId="{7337FACB-2B6C-422F-B7CB-2A0F4D4DB5A7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32" creationId="{5C2786B5-CFF1-4656-8BCE-15E484FDF0BC}"/>
          </ac:spMkLst>
        </pc:spChg>
        <pc:spChg chg="add del mod">
          <ac:chgData name="Yonghwi Kwon" userId="70c25efda52b9d58" providerId="LiveId" clId="{AA9654FF-0740-4B9F-9EA9-168026594EBE}" dt="2021-02-08T08:08:27.133" v="2160"/>
          <ac:spMkLst>
            <pc:docMk/>
            <pc:sldMk cId="1175434154" sldId="496"/>
            <ac:spMk id="33" creationId="{CD2590E6-2BE5-4D8A-9710-1E069BE60DDF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34" creationId="{1C591A93-ECFC-4528-9519-E0BF098544E9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35" creationId="{208BD903-A676-4958-B64E-0A6B649D25E7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36" creationId="{342C2039-B349-411C-8C63-91DA0EB80353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37" creationId="{37039059-3659-4279-AD58-A01BB990DE16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38" creationId="{4E223FDD-DAF2-4BB4-BDE7-3B7462214A38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39" creationId="{3D981958-90CD-4EC2-8C86-0CEF3E361FC2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40" creationId="{A55873B3-EC98-428C-A919-B9BF2C790B22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41" creationId="{55D2B7D1-6BE5-415B-A169-12ED51AFBC13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42" creationId="{9ACE60C0-5F15-41A5-B621-659ED5686442}"/>
          </ac:spMkLst>
        </pc:spChg>
        <pc:spChg chg="add mod">
          <ac:chgData name="Yonghwi Kwon" userId="70c25efda52b9d58" providerId="LiveId" clId="{AA9654FF-0740-4B9F-9EA9-168026594EBE}" dt="2021-02-08T08:09:33.622" v="2171" actId="1076"/>
          <ac:spMkLst>
            <pc:docMk/>
            <pc:sldMk cId="1175434154" sldId="496"/>
            <ac:spMk id="43" creationId="{BD161836-2AFE-450A-B16B-1A8F6A9A6BFF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44" creationId="{C1E689A1-2C70-41D7-BCB5-DAFA4E8B869C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45" creationId="{F5945468-8553-4839-8964-83FA5A394167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46" creationId="{772F6F15-A06C-491F-9744-CCBC179A1C26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47" creationId="{A400050E-ECD0-4386-8827-86F58293D0DF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48" creationId="{6215A515-9FD8-4C51-958C-C76F625F7365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49" creationId="{372267E5-0BC6-42B7-B235-70A6F29AF8FD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50" creationId="{7C578C37-392D-41AD-A256-19034FAF5F9E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51" creationId="{202F8DF2-783B-4E14-967B-A7F11798CFB5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52" creationId="{2E1BBBDE-8F0C-473F-939F-83D50A127459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53" creationId="{13674A0F-8302-4293-87A0-54C10AE917B4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54" creationId="{418D998C-7DDF-4FE9-B7F6-A9008784FE64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55" creationId="{3FAE2F6C-80E7-4E36-8EF8-416FA3CA0F9C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56" creationId="{3AE4FADA-FDDD-41E0-9457-813FF86D652D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57" creationId="{D30A3D3D-3C8B-4799-8331-14876BD82D9A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58" creationId="{3226201B-C83B-4840-BB89-CB25CD57E946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60" creationId="{F688673F-63FB-46A4-9E5E-DB4E5B287BFE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61" creationId="{9AA5569B-0A8A-4766-B190-4B0B63710E61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62" creationId="{77B4B351-97A5-45CC-87E5-2FAAD9A66E0E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63" creationId="{70EF0CC8-4B3A-4CDF-8177-1CA73CCF49A8}"/>
          </ac:spMkLst>
        </pc:spChg>
        <pc:spChg chg="add mod">
          <ac:chgData name="Yonghwi Kwon" userId="70c25efda52b9d58" providerId="LiveId" clId="{AA9654FF-0740-4B9F-9EA9-168026594EBE}" dt="2021-02-08T08:08:50.515" v="2166" actId="1076"/>
          <ac:spMkLst>
            <pc:docMk/>
            <pc:sldMk cId="1175434154" sldId="496"/>
            <ac:spMk id="66" creationId="{C9541EA8-DD6B-44B5-BFF2-8833BE38CD63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67" creationId="{775E780E-B69E-42B0-88E7-4A2C71E9D9B1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68" creationId="{3B8573DB-A736-457F-9BB9-0AC26A8DA1C1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69" creationId="{5AC2C381-B621-40D9-9A9F-29B7A70E5188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0" creationId="{56056332-5A72-4D76-BF9D-F28573482BA6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1" creationId="{9EC8E175-26E0-4AAA-B916-0CAA695128EC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2" creationId="{89DDCF69-DD7B-49FD-93C1-3D65C8866A1B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3" creationId="{DDE70376-5AF3-49B1-A172-3B1A17293760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4" creationId="{32C104B3-4246-484A-B1A0-16F34E54B28E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5" creationId="{68248B83-52C0-4BD1-B348-FB3DB31F8922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6" creationId="{6A1251F1-8D0B-40D0-982E-8DA738EC9D80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7" creationId="{4F2670AB-A6C3-4C0D-9D96-83E8A4C57B89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8" creationId="{F7C241E7-94F3-4E61-AED0-109C92BE161B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79" creationId="{DBCEE40C-6F6E-4DAE-8A85-393CDA14BADC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80" creationId="{2B97D837-4439-41D4-BF7C-80AF1DCA738F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81" creationId="{9C218EA8-8945-41C6-A876-E81E0B5326FB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82" creationId="{D9047593-C54A-436D-AC68-91A0FBB0494E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83" creationId="{B0A44699-9315-4A13-90AE-27E11FAE11E9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85" creationId="{2C4B277E-EBEA-4AAB-8109-9AF52D8F86BD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86" creationId="{F51E05AF-8518-47CF-9C41-4BEC271575E5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88" creationId="{DCAAFEF1-460B-496A-8D48-62BD692CAF3C}"/>
          </ac:spMkLst>
        </pc:spChg>
        <pc:spChg chg="add del mod">
          <ac:chgData name="Yonghwi Kwon" userId="70c25efda52b9d58" providerId="LiveId" clId="{AA9654FF-0740-4B9F-9EA9-168026594EBE}" dt="2021-02-08T08:09:57.676" v="2173" actId="478"/>
          <ac:spMkLst>
            <pc:docMk/>
            <pc:sldMk cId="1175434154" sldId="496"/>
            <ac:spMk id="92" creationId="{6F56966E-49CA-4194-BE85-DD455C00470A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93" creationId="{9909B5CB-C0ED-42C4-8D39-B32A7A33CE68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94" creationId="{FA4B7C58-E8F8-4E5F-84A7-81E2357F8381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95" creationId="{83E093FD-B706-427B-9947-2E8CC45ABF77}"/>
          </ac:spMkLst>
        </pc:spChg>
        <pc:spChg chg="add mod">
          <ac:chgData name="Yonghwi Kwon" userId="70c25efda52b9d58" providerId="LiveId" clId="{AA9654FF-0740-4B9F-9EA9-168026594EBE}" dt="2021-02-08T08:13:14.507" v="2192" actId="1076"/>
          <ac:spMkLst>
            <pc:docMk/>
            <pc:sldMk cId="1175434154" sldId="496"/>
            <ac:spMk id="96" creationId="{B4977BA6-5466-4403-9B63-035D6AC2C921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97" creationId="{2BC10A1F-57F5-44BB-ADB9-C9985EE169FC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98" creationId="{BD70EB83-8406-4DA2-8E4C-68D4A7C6F1E3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99" creationId="{40EC9EC3-CC07-4B30-9248-B13E1F28D44D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0" creationId="{87FC95B6-B057-4ECD-B8B6-7C03357A90EC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1" creationId="{00DFEBC5-54B5-4881-8070-BCD171A26259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2" creationId="{AE2D5D2D-8C07-4FCA-B205-74CE55E9C344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3" creationId="{2A7CC640-9DBA-475A-A931-743E1D3D76B6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4" creationId="{D263305D-CCEC-4E9E-B53D-ED851A990C9B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5" creationId="{B5BAD90F-C5DD-4B96-AE5E-3607649B0524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6" creationId="{6D3E599D-0B40-4419-8129-34B3C66DD6BD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7" creationId="{D4E07BDB-52D2-4C21-99EB-2CADE9071AB5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8" creationId="{55AD9233-ED0E-429C-8DE5-65DAB29D1610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09" creationId="{01ECD440-C742-40CE-A525-B1F49DFDCF35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10" creationId="{1275D896-DF62-4975-8429-714B2E4C7494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11" creationId="{D40474B0-DFF8-436C-AF8B-ED135B6654A3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12" creationId="{7300E73E-8A89-450E-8887-1EE039AA781A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14" creationId="{85840562-BAE8-400C-9E1D-D15DABE7DC72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15" creationId="{5A08922F-9D8B-4597-AD68-68CEE2891407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17" creationId="{9C7212BD-FF86-497C-928B-80A1CF967535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20" creationId="{EA44FD27-6D52-4616-88B4-7D2D52E1C1C8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21" creationId="{644A6B73-1445-4249-9AC7-5F7D2E8ACABE}"/>
          </ac:spMkLst>
        </pc:spChg>
        <pc:spChg chg="add mod">
          <ac:chgData name="Yonghwi Kwon" userId="70c25efda52b9d58" providerId="LiveId" clId="{AA9654FF-0740-4B9F-9EA9-168026594EBE}" dt="2021-02-08T08:13:34.628" v="2193" actId="1076"/>
          <ac:spMkLst>
            <pc:docMk/>
            <pc:sldMk cId="1175434154" sldId="496"/>
            <ac:spMk id="122" creationId="{4E29F450-2280-475C-91F8-D758963AAEAC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24" creationId="{61D0E03E-BD5D-4CA2-BD74-989D4FC46DD5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25" creationId="{A1BC42CE-B481-4FC4-8C85-5F929AD536AC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26" creationId="{7681A487-5253-440C-8679-333710BE84F9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27" creationId="{3961B4F9-5FDF-4402-84A9-DD22973876E0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28" creationId="{EAF5392C-4D93-46F9-BEE4-551660C07C6E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29" creationId="{839020D3-9205-4259-A94E-B60DBE6B3672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0" creationId="{67F04064-9F99-4E6E-8909-6D62E85A6109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1" creationId="{D577B43C-4CCF-4138-A003-AC86E6ED1CD0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2" creationId="{3CF3BE0C-F3FB-4045-8703-BF9EC3A8BC77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3" creationId="{28C49B44-34E7-4B93-AC67-C631BAA9EFD1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4" creationId="{88EE24B9-2AE3-4807-8B2E-7EDF8BA6ACC3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5" creationId="{310AE023-E21C-4E6D-9F4D-0FD7B8006B32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6" creationId="{D365C030-4625-42BC-AD38-A7BCEC5A59F3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7" creationId="{98D3A539-88B9-4631-B4FA-5486C82008A9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8" creationId="{F2B6A4A5-3D79-4C9C-8155-D3E14B3FB5B5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39" creationId="{69A6EACC-F25A-49CF-9223-4F73078F173E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40" creationId="{F4E201B6-FE7E-4451-884A-468F6BB3F94E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41" creationId="{70E652ED-91F8-46BC-BA81-98E9B2C18C6F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42" creationId="{034CDA65-980F-46AC-A1D6-0193B597F877}"/>
          </ac:spMkLst>
        </pc:spChg>
        <pc:spChg chg="add del mod">
          <ac:chgData name="Yonghwi Kwon" userId="70c25efda52b9d58" providerId="LiveId" clId="{AA9654FF-0740-4B9F-9EA9-168026594EBE}" dt="2021-02-08T08:11:32.294" v="2183"/>
          <ac:spMkLst>
            <pc:docMk/>
            <pc:sldMk cId="1175434154" sldId="496"/>
            <ac:spMk id="145" creationId="{E539396D-58BB-4EF0-9A37-839DAAC20D03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47" creationId="{2BF05D67-D7AC-42FB-ADCC-B8D0E900B384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48" creationId="{C81C4518-D517-45E7-9D48-AD8BA3B9A83D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49" creationId="{7BDFC9B9-A527-4535-899C-5E16468D4E74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0" creationId="{D52429D8-9093-470D-9924-7D112A6EA080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1" creationId="{E43E579D-5D4F-4E77-B8C5-C6F2DE41784F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2" creationId="{433540A4-50BF-46C7-92C1-A20D2CA69A4B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3" creationId="{BDDBED95-5A92-48E8-8819-DE893DC5543E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4" creationId="{A1B53E46-FA06-4FFA-BC74-50406FCD2EF9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5" creationId="{352E150D-0946-499C-A540-A951C9AEA39B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6" creationId="{09A6E549-E063-484B-BFA8-EFA39587173B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7" creationId="{A42BE645-DBAF-4AD9-9F6E-DC2DE7A52088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8" creationId="{785A07F6-C58F-4B27-85CB-D5F579CE05F2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59" creationId="{389F4753-C317-4A82-B4BF-F570F2E2677F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60" creationId="{871E179D-D6A3-40C2-B108-E83D5B780A86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61" creationId="{950745E0-828B-4B54-85EA-DD185D97BC3D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62" creationId="{A10945CD-76F7-469F-A38A-6BFD5DED4CE3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63" creationId="{7F8540D7-79BB-451D-AE7E-A0CB66B1CBF2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64" creationId="{4B9EDB40-059F-4743-B7F0-995FB804E611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65" creationId="{6723A991-CE40-47BE-8CC6-D6D5E7511F2E}"/>
          </ac:spMkLst>
        </pc:spChg>
        <pc:spChg chg="add mod">
          <ac:chgData name="Yonghwi Kwon" userId="70c25efda52b9d58" providerId="LiveId" clId="{AA9654FF-0740-4B9F-9EA9-168026594EBE}" dt="2021-02-08T08:13:45.310" v="2196" actId="1076"/>
          <ac:spMkLst>
            <pc:docMk/>
            <pc:sldMk cId="1175434154" sldId="496"/>
            <ac:spMk id="168" creationId="{777CE047-C0FE-4942-9D58-061AF50ED3D6}"/>
          </ac:spMkLst>
        </pc:spChg>
        <pc:cxnChg chg="add mod">
          <ac:chgData name="Yonghwi Kwon" userId="70c25efda52b9d58" providerId="LiveId" clId="{AA9654FF-0740-4B9F-9EA9-168026594EBE}" dt="2021-02-08T08:08:40.242" v="2164" actId="1076"/>
          <ac:cxnSpMkLst>
            <pc:docMk/>
            <pc:sldMk cId="1175434154" sldId="496"/>
            <ac:cxnSpMk id="21" creationId="{1D453ED5-FCA6-4D7F-A62E-314D758EFCEC}"/>
          </ac:cxnSpMkLst>
        </pc:cxnChg>
        <pc:cxnChg chg="add mod">
          <ac:chgData name="Yonghwi Kwon" userId="70c25efda52b9d58" providerId="LiveId" clId="{AA9654FF-0740-4B9F-9EA9-168026594EBE}" dt="2021-02-08T08:08:50.515" v="2166" actId="1076"/>
          <ac:cxnSpMkLst>
            <pc:docMk/>
            <pc:sldMk cId="1175434154" sldId="496"/>
            <ac:cxnSpMk id="59" creationId="{164B0733-9828-401C-AB16-DB1DB0C949D5}"/>
          </ac:cxnSpMkLst>
        </pc:cxnChg>
        <pc:cxnChg chg="add mod">
          <ac:chgData name="Yonghwi Kwon" userId="70c25efda52b9d58" providerId="LiveId" clId="{AA9654FF-0740-4B9F-9EA9-168026594EBE}" dt="2021-02-08T08:08:50.515" v="2166" actId="1076"/>
          <ac:cxnSpMkLst>
            <pc:docMk/>
            <pc:sldMk cId="1175434154" sldId="496"/>
            <ac:cxnSpMk id="64" creationId="{6EE3BAEC-D310-43F8-A7F9-8770580A182F}"/>
          </ac:cxnSpMkLst>
        </pc:cxnChg>
        <pc:cxnChg chg="add mod">
          <ac:chgData name="Yonghwi Kwon" userId="70c25efda52b9d58" providerId="LiveId" clId="{AA9654FF-0740-4B9F-9EA9-168026594EBE}" dt="2021-02-08T08:08:50.515" v="2166" actId="1076"/>
          <ac:cxnSpMkLst>
            <pc:docMk/>
            <pc:sldMk cId="1175434154" sldId="496"/>
            <ac:cxnSpMk id="65" creationId="{C952887F-D259-4E88-9599-12F76EB6C453}"/>
          </ac:cxnSpMkLst>
        </pc:cxnChg>
        <pc:cxnChg chg="add mod">
          <ac:chgData name="Yonghwi Kwon" userId="70c25efda52b9d58" providerId="LiveId" clId="{AA9654FF-0740-4B9F-9EA9-168026594EBE}" dt="2021-02-08T08:13:14.507" v="2192" actId="1076"/>
          <ac:cxnSpMkLst>
            <pc:docMk/>
            <pc:sldMk cId="1175434154" sldId="496"/>
            <ac:cxnSpMk id="84" creationId="{3AA05F1D-50A2-4692-AFC3-12D4BF287DC9}"/>
          </ac:cxnSpMkLst>
        </pc:cxnChg>
        <pc:cxnChg chg="add mod">
          <ac:chgData name="Yonghwi Kwon" userId="70c25efda52b9d58" providerId="LiveId" clId="{AA9654FF-0740-4B9F-9EA9-168026594EBE}" dt="2021-02-08T08:13:14.507" v="2192" actId="1076"/>
          <ac:cxnSpMkLst>
            <pc:docMk/>
            <pc:sldMk cId="1175434154" sldId="496"/>
            <ac:cxnSpMk id="87" creationId="{53A32890-52D7-4246-B01B-16F850B2B802}"/>
          </ac:cxnSpMkLst>
        </pc:cxnChg>
        <pc:cxnChg chg="add mod">
          <ac:chgData name="Yonghwi Kwon" userId="70c25efda52b9d58" providerId="LiveId" clId="{AA9654FF-0740-4B9F-9EA9-168026594EBE}" dt="2021-02-08T08:13:14.507" v="2192" actId="1076"/>
          <ac:cxnSpMkLst>
            <pc:docMk/>
            <pc:sldMk cId="1175434154" sldId="496"/>
            <ac:cxnSpMk id="89" creationId="{3C7C4536-1293-4EB0-85FC-DCF5CDA4DFBE}"/>
          </ac:cxnSpMkLst>
        </pc:cxnChg>
        <pc:cxnChg chg="add mod">
          <ac:chgData name="Yonghwi Kwon" userId="70c25efda52b9d58" providerId="LiveId" clId="{AA9654FF-0740-4B9F-9EA9-168026594EBE}" dt="2021-02-08T08:13:14.507" v="2192" actId="1076"/>
          <ac:cxnSpMkLst>
            <pc:docMk/>
            <pc:sldMk cId="1175434154" sldId="496"/>
            <ac:cxnSpMk id="90" creationId="{F6616FA0-083C-4A59-B095-E3F7C7DD3DA4}"/>
          </ac:cxnSpMkLst>
        </pc:cxnChg>
        <pc:cxnChg chg="add mod">
          <ac:chgData name="Yonghwi Kwon" userId="70c25efda52b9d58" providerId="LiveId" clId="{AA9654FF-0740-4B9F-9EA9-168026594EBE}" dt="2021-02-08T08:13:14.507" v="2192" actId="1076"/>
          <ac:cxnSpMkLst>
            <pc:docMk/>
            <pc:sldMk cId="1175434154" sldId="496"/>
            <ac:cxnSpMk id="91" creationId="{CA974C2E-6F8C-4BC6-B249-2445B7D2C1E3}"/>
          </ac:cxnSpMkLst>
        </pc:cxnChg>
        <pc:cxnChg chg="add mod">
          <ac:chgData name="Yonghwi Kwon" userId="70c25efda52b9d58" providerId="LiveId" clId="{AA9654FF-0740-4B9F-9EA9-168026594EBE}" dt="2021-02-08T08:13:34.628" v="2193" actId="1076"/>
          <ac:cxnSpMkLst>
            <pc:docMk/>
            <pc:sldMk cId="1175434154" sldId="496"/>
            <ac:cxnSpMk id="113" creationId="{12E6817A-A9A5-41C3-BB3D-FC8116E71749}"/>
          </ac:cxnSpMkLst>
        </pc:cxnChg>
        <pc:cxnChg chg="add mod">
          <ac:chgData name="Yonghwi Kwon" userId="70c25efda52b9d58" providerId="LiveId" clId="{AA9654FF-0740-4B9F-9EA9-168026594EBE}" dt="2021-02-08T08:13:34.628" v="2193" actId="1076"/>
          <ac:cxnSpMkLst>
            <pc:docMk/>
            <pc:sldMk cId="1175434154" sldId="496"/>
            <ac:cxnSpMk id="116" creationId="{C2402799-B31F-43ED-998C-E8BAD9D84684}"/>
          </ac:cxnSpMkLst>
        </pc:cxnChg>
        <pc:cxnChg chg="add mod">
          <ac:chgData name="Yonghwi Kwon" userId="70c25efda52b9d58" providerId="LiveId" clId="{AA9654FF-0740-4B9F-9EA9-168026594EBE}" dt="2021-02-08T08:13:34.628" v="2193" actId="1076"/>
          <ac:cxnSpMkLst>
            <pc:docMk/>
            <pc:sldMk cId="1175434154" sldId="496"/>
            <ac:cxnSpMk id="118" creationId="{D8C00416-15D5-48B9-B69E-A1983665CE09}"/>
          </ac:cxnSpMkLst>
        </pc:cxnChg>
        <pc:cxnChg chg="add mod">
          <ac:chgData name="Yonghwi Kwon" userId="70c25efda52b9d58" providerId="LiveId" clId="{AA9654FF-0740-4B9F-9EA9-168026594EBE}" dt="2021-02-08T08:13:34.628" v="2193" actId="1076"/>
          <ac:cxnSpMkLst>
            <pc:docMk/>
            <pc:sldMk cId="1175434154" sldId="496"/>
            <ac:cxnSpMk id="119" creationId="{7D22E88D-D18A-42F3-894B-B68436325AA5}"/>
          </ac:cxnSpMkLst>
        </pc:cxnChg>
        <pc:cxnChg chg="add del mod">
          <ac:chgData name="Yonghwi Kwon" userId="70c25efda52b9d58" providerId="LiveId" clId="{AA9654FF-0740-4B9F-9EA9-168026594EBE}" dt="2021-02-08T08:11:32.294" v="2183"/>
          <ac:cxnSpMkLst>
            <pc:docMk/>
            <pc:sldMk cId="1175434154" sldId="496"/>
            <ac:cxnSpMk id="123" creationId="{6BD0AB5C-95D4-4AE2-878E-5F17642E8607}"/>
          </ac:cxnSpMkLst>
        </pc:cxnChg>
        <pc:cxnChg chg="add del mod">
          <ac:chgData name="Yonghwi Kwon" userId="70c25efda52b9d58" providerId="LiveId" clId="{AA9654FF-0740-4B9F-9EA9-168026594EBE}" dt="2021-02-08T08:11:32.294" v="2183"/>
          <ac:cxnSpMkLst>
            <pc:docMk/>
            <pc:sldMk cId="1175434154" sldId="496"/>
            <ac:cxnSpMk id="143" creationId="{035BF498-D644-4C01-9C8C-6D4A63E7D00E}"/>
          </ac:cxnSpMkLst>
        </pc:cxnChg>
        <pc:cxnChg chg="add del mod">
          <ac:chgData name="Yonghwi Kwon" userId="70c25efda52b9d58" providerId="LiveId" clId="{AA9654FF-0740-4B9F-9EA9-168026594EBE}" dt="2021-02-08T08:11:32.294" v="2183"/>
          <ac:cxnSpMkLst>
            <pc:docMk/>
            <pc:sldMk cId="1175434154" sldId="496"/>
            <ac:cxnSpMk id="144" creationId="{E3585E69-EADA-493A-97AB-B4FE17C2CF79}"/>
          </ac:cxnSpMkLst>
        </pc:cxnChg>
        <pc:cxnChg chg="add mod">
          <ac:chgData name="Yonghwi Kwon" userId="70c25efda52b9d58" providerId="LiveId" clId="{AA9654FF-0740-4B9F-9EA9-168026594EBE}" dt="2021-02-08T08:13:45.310" v="2196" actId="1076"/>
          <ac:cxnSpMkLst>
            <pc:docMk/>
            <pc:sldMk cId="1175434154" sldId="496"/>
            <ac:cxnSpMk id="146" creationId="{595EC0C9-96DE-48EE-851C-48A33C499A87}"/>
          </ac:cxnSpMkLst>
        </pc:cxnChg>
        <pc:cxnChg chg="add mod">
          <ac:chgData name="Yonghwi Kwon" userId="70c25efda52b9d58" providerId="LiveId" clId="{AA9654FF-0740-4B9F-9EA9-168026594EBE}" dt="2021-02-08T08:13:45.310" v="2196" actId="1076"/>
          <ac:cxnSpMkLst>
            <pc:docMk/>
            <pc:sldMk cId="1175434154" sldId="496"/>
            <ac:cxnSpMk id="166" creationId="{494BEC66-1ED3-47DB-8DCA-354A4EBF176F}"/>
          </ac:cxnSpMkLst>
        </pc:cxnChg>
        <pc:cxnChg chg="add mod">
          <ac:chgData name="Yonghwi Kwon" userId="70c25efda52b9d58" providerId="LiveId" clId="{AA9654FF-0740-4B9F-9EA9-168026594EBE}" dt="2021-02-08T08:13:45.310" v="2196" actId="1076"/>
          <ac:cxnSpMkLst>
            <pc:docMk/>
            <pc:sldMk cId="1175434154" sldId="496"/>
            <ac:cxnSpMk id="167" creationId="{E743195F-83B6-4E7E-932B-A94A1F6C637C}"/>
          </ac:cxnSpMkLst>
        </pc:cxnChg>
      </pc:sldChg>
      <pc:sldChg chg="addSp delSp modSp new add del mod modAnim">
        <pc:chgData name="Yonghwi Kwon" userId="70c25efda52b9d58" providerId="LiveId" clId="{AA9654FF-0740-4B9F-9EA9-168026594EBE}" dt="2021-02-09T08:16:16.514" v="11034" actId="47"/>
        <pc:sldMkLst>
          <pc:docMk/>
          <pc:sldMk cId="2372328641" sldId="497"/>
        </pc:sldMkLst>
        <pc:spChg chg="mod">
          <ac:chgData name="Yonghwi Kwon" userId="70c25efda52b9d58" providerId="LiveId" clId="{AA9654FF-0740-4B9F-9EA9-168026594EBE}" dt="2021-02-08T08:14:44.721" v="2199" actId="20577"/>
          <ac:spMkLst>
            <pc:docMk/>
            <pc:sldMk cId="2372328641" sldId="497"/>
            <ac:spMk id="2" creationId="{037A2D02-EE2A-4DD4-AE57-728125C4D2BC}"/>
          </ac:spMkLst>
        </pc:spChg>
        <pc:spChg chg="del">
          <ac:chgData name="Yonghwi Kwon" userId="70c25efda52b9d58" providerId="LiveId" clId="{AA9654FF-0740-4B9F-9EA9-168026594EBE}" dt="2021-02-08T08:15:21.062" v="2202" actId="478"/>
          <ac:spMkLst>
            <pc:docMk/>
            <pc:sldMk cId="2372328641" sldId="497"/>
            <ac:spMk id="3" creationId="{15E883B7-8F93-455B-A986-E11AF6AF4BB8}"/>
          </ac:spMkLst>
        </pc:spChg>
        <pc:spChg chg="add mod">
          <ac:chgData name="Yonghwi Kwon" userId="70c25efda52b9d58" providerId="LiveId" clId="{AA9654FF-0740-4B9F-9EA9-168026594EBE}" dt="2021-02-08T08:18:00.149" v="2290" actId="207"/>
          <ac:spMkLst>
            <pc:docMk/>
            <pc:sldMk cId="2372328641" sldId="497"/>
            <ac:spMk id="9" creationId="{28F51243-E229-4EAD-88EA-0E7CB0D0DC31}"/>
          </ac:spMkLst>
        </pc:spChg>
        <pc:spChg chg="add mod">
          <ac:chgData name="Yonghwi Kwon" userId="70c25efda52b9d58" providerId="LiveId" clId="{AA9654FF-0740-4B9F-9EA9-168026594EBE}" dt="2021-02-08T08:18:12.011" v="2291" actId="207"/>
          <ac:spMkLst>
            <pc:docMk/>
            <pc:sldMk cId="2372328641" sldId="497"/>
            <ac:spMk id="10" creationId="{DDC8C0AF-7862-4334-BD3E-F581D047144A}"/>
          </ac:spMkLst>
        </pc:spChg>
        <pc:picChg chg="add mod">
          <ac:chgData name="Yonghwi Kwon" userId="70c25efda52b9d58" providerId="LiveId" clId="{AA9654FF-0740-4B9F-9EA9-168026594EBE}" dt="2021-02-08T08:16:05.406" v="2209" actId="1076"/>
          <ac:picMkLst>
            <pc:docMk/>
            <pc:sldMk cId="2372328641" sldId="497"/>
            <ac:picMk id="6" creationId="{B062F66F-5A87-4AAA-80C5-36C93A98485E}"/>
          </ac:picMkLst>
        </pc:picChg>
        <pc:picChg chg="add mod">
          <ac:chgData name="Yonghwi Kwon" userId="70c25efda52b9d58" providerId="LiveId" clId="{AA9654FF-0740-4B9F-9EA9-168026594EBE}" dt="2021-02-08T08:16:03.754" v="2208" actId="1076"/>
          <ac:picMkLst>
            <pc:docMk/>
            <pc:sldMk cId="2372328641" sldId="497"/>
            <ac:picMk id="8" creationId="{2EF4D28F-E5CB-46CA-8C3E-6D1381412A34}"/>
          </ac:picMkLst>
        </pc:picChg>
        <pc:cxnChg chg="add mod">
          <ac:chgData name="Yonghwi Kwon" userId="70c25efda52b9d58" providerId="LiveId" clId="{AA9654FF-0740-4B9F-9EA9-168026594EBE}" dt="2021-02-08T08:18:42.406" v="2298" actId="208"/>
          <ac:cxnSpMkLst>
            <pc:docMk/>
            <pc:sldMk cId="2372328641" sldId="497"/>
            <ac:cxnSpMk id="12" creationId="{C420BFBE-169A-454B-8EC2-BC9B7DA0F740}"/>
          </ac:cxnSpMkLst>
        </pc:cxnChg>
      </pc:sldChg>
      <pc:sldChg chg="addSp delSp modSp new add del mod modAnim">
        <pc:chgData name="Yonghwi Kwon" userId="70c25efda52b9d58" providerId="LiveId" clId="{AA9654FF-0740-4B9F-9EA9-168026594EBE}" dt="2021-02-09T08:16:16.514" v="11034" actId="47"/>
        <pc:sldMkLst>
          <pc:docMk/>
          <pc:sldMk cId="2188976312" sldId="498"/>
        </pc:sldMkLst>
        <pc:spChg chg="mod">
          <ac:chgData name="Yonghwi Kwon" userId="70c25efda52b9d58" providerId="LiveId" clId="{AA9654FF-0740-4B9F-9EA9-168026594EBE}" dt="2021-02-08T08:22:46.297" v="2307" actId="20577"/>
          <ac:spMkLst>
            <pc:docMk/>
            <pc:sldMk cId="2188976312" sldId="498"/>
            <ac:spMk id="2" creationId="{4D056B08-820D-4E74-992C-BA9A6E3FE2A7}"/>
          </ac:spMkLst>
        </pc:spChg>
        <pc:spChg chg="del">
          <ac:chgData name="Yonghwi Kwon" userId="70c25efda52b9d58" providerId="LiveId" clId="{AA9654FF-0740-4B9F-9EA9-168026594EBE}" dt="2021-02-08T08:33:12.196" v="2337" actId="22"/>
          <ac:spMkLst>
            <pc:docMk/>
            <pc:sldMk cId="2188976312" sldId="498"/>
            <ac:spMk id="3" creationId="{8754CB02-3DDF-4F55-B541-9D2E17049124}"/>
          </ac:spMkLst>
        </pc:spChg>
        <pc:spChg chg="add mod">
          <ac:chgData name="Yonghwi Kwon" userId="70c25efda52b9d58" providerId="LiveId" clId="{AA9654FF-0740-4B9F-9EA9-168026594EBE}" dt="2021-02-08T08:23:10.829" v="2336" actId="207"/>
          <ac:spMkLst>
            <pc:docMk/>
            <pc:sldMk cId="2188976312" sldId="498"/>
            <ac:spMk id="5" creationId="{05625511-85E6-4AFE-98C3-C66B78CEB949}"/>
          </ac:spMkLst>
        </pc:spChg>
        <pc:spChg chg="add mod">
          <ac:chgData name="Yonghwi Kwon" userId="70c25efda52b9d58" providerId="LiveId" clId="{AA9654FF-0740-4B9F-9EA9-168026594EBE}" dt="2021-02-08T08:33:38.594" v="2341" actId="2085"/>
          <ac:spMkLst>
            <pc:docMk/>
            <pc:sldMk cId="2188976312" sldId="498"/>
            <ac:spMk id="8" creationId="{478B5A72-30A2-4148-A47A-EBAC51B638BC}"/>
          </ac:spMkLst>
        </pc:spChg>
        <pc:picChg chg="add mod ord">
          <ac:chgData name="Yonghwi Kwon" userId="70c25efda52b9d58" providerId="LiveId" clId="{AA9654FF-0740-4B9F-9EA9-168026594EBE}" dt="2021-02-08T08:33:13.699" v="2338" actId="1076"/>
          <ac:picMkLst>
            <pc:docMk/>
            <pc:sldMk cId="2188976312" sldId="498"/>
            <ac:picMk id="7" creationId="{D85A6527-65DB-4AB2-94B5-58E0C46F3E96}"/>
          </ac:picMkLst>
        </pc:picChg>
      </pc:sldChg>
      <pc:sldChg chg="addSp modSp new mod modAnim">
        <pc:chgData name="Yonghwi Kwon" userId="70c25efda52b9d58" providerId="LiveId" clId="{AA9654FF-0740-4B9F-9EA9-168026594EBE}" dt="2021-02-08T09:35:50.627" v="4292"/>
        <pc:sldMkLst>
          <pc:docMk/>
          <pc:sldMk cId="4177498523" sldId="499"/>
        </pc:sldMkLst>
        <pc:spChg chg="mod">
          <ac:chgData name="Yonghwi Kwon" userId="70c25efda52b9d58" providerId="LiveId" clId="{AA9654FF-0740-4B9F-9EA9-168026594EBE}" dt="2021-02-08T08:52:30.587" v="3467"/>
          <ac:spMkLst>
            <pc:docMk/>
            <pc:sldMk cId="4177498523" sldId="499"/>
            <ac:spMk id="2" creationId="{FC4A540C-CF03-4021-9453-C24663C208AB}"/>
          </ac:spMkLst>
        </pc:spChg>
        <pc:spChg chg="mod">
          <ac:chgData name="Yonghwi Kwon" userId="70c25efda52b9d58" providerId="LiveId" clId="{AA9654FF-0740-4B9F-9EA9-168026594EBE}" dt="2021-02-08T08:52:52.433" v="3538" actId="20577"/>
          <ac:spMkLst>
            <pc:docMk/>
            <pc:sldMk cId="4177498523" sldId="499"/>
            <ac:spMk id="3" creationId="{803F49C6-C41A-4A99-BA5E-EDCFDD73E328}"/>
          </ac:spMkLst>
        </pc:spChg>
        <pc:spChg chg="add mod">
          <ac:chgData name="Yonghwi Kwon" userId="70c25efda52b9d58" providerId="LiveId" clId="{AA9654FF-0740-4B9F-9EA9-168026594EBE}" dt="2021-02-08T09:35:13.468" v="4291" actId="1036"/>
          <ac:spMkLst>
            <pc:docMk/>
            <pc:sldMk cId="4177498523" sldId="499"/>
            <ac:spMk id="7" creationId="{3681AABC-E3FA-4D1E-A103-8030C3262F14}"/>
          </ac:spMkLst>
        </pc:spChg>
        <pc:picChg chg="add mod">
          <ac:chgData name="Yonghwi Kwon" userId="70c25efda52b9d58" providerId="LiveId" clId="{AA9654FF-0740-4B9F-9EA9-168026594EBE}" dt="2021-02-08T08:53:14.899" v="3545" actId="1076"/>
          <ac:picMkLst>
            <pc:docMk/>
            <pc:sldMk cId="4177498523" sldId="499"/>
            <ac:picMk id="6" creationId="{ADD75018-7B93-4A93-99F7-16BC725F7171}"/>
          </ac:picMkLst>
        </pc:picChg>
      </pc:sldChg>
      <pc:sldChg chg="addSp delSp modSp new mod modAnim">
        <pc:chgData name="Yonghwi Kwon" userId="70c25efda52b9d58" providerId="LiveId" clId="{AA9654FF-0740-4B9F-9EA9-168026594EBE}" dt="2021-02-08T09:38:13.506" v="4332"/>
        <pc:sldMkLst>
          <pc:docMk/>
          <pc:sldMk cId="1329787085" sldId="500"/>
        </pc:sldMkLst>
        <pc:spChg chg="mod">
          <ac:chgData name="Yonghwi Kwon" userId="70c25efda52b9d58" providerId="LiveId" clId="{AA9654FF-0740-4B9F-9EA9-168026594EBE}" dt="2021-02-08T08:56:44.262" v="3564" actId="20577"/>
          <ac:spMkLst>
            <pc:docMk/>
            <pc:sldMk cId="1329787085" sldId="500"/>
            <ac:spMk id="2" creationId="{C0773C8C-1BC1-4AB3-8C21-9EEB2F5EE8ED}"/>
          </ac:spMkLst>
        </pc:spChg>
        <pc:spChg chg="del">
          <ac:chgData name="Yonghwi Kwon" userId="70c25efda52b9d58" providerId="LiveId" clId="{AA9654FF-0740-4B9F-9EA9-168026594EBE}" dt="2021-02-08T08:56:34.695" v="3550" actId="22"/>
          <ac:spMkLst>
            <pc:docMk/>
            <pc:sldMk cId="1329787085" sldId="500"/>
            <ac:spMk id="3" creationId="{884E9AC8-F4A8-41CE-99AA-533F8E6D05AC}"/>
          </ac:spMkLst>
        </pc:spChg>
        <pc:spChg chg="add mod">
          <ac:chgData name="Yonghwi Kwon" userId="70c25efda52b9d58" providerId="LiveId" clId="{AA9654FF-0740-4B9F-9EA9-168026594EBE}" dt="2021-02-08T09:36:26.449" v="4299" actId="14100"/>
          <ac:spMkLst>
            <pc:docMk/>
            <pc:sldMk cId="1329787085" sldId="500"/>
            <ac:spMk id="7" creationId="{AEE8C9AD-6987-4E31-B8EC-1E2327AC13EC}"/>
          </ac:spMkLst>
        </pc:spChg>
        <pc:spChg chg="add mod">
          <ac:chgData name="Yonghwi Kwon" userId="70c25efda52b9d58" providerId="LiveId" clId="{AA9654FF-0740-4B9F-9EA9-168026594EBE}" dt="2021-02-08T09:36:55.507" v="4303" actId="14100"/>
          <ac:spMkLst>
            <pc:docMk/>
            <pc:sldMk cId="1329787085" sldId="500"/>
            <ac:spMk id="8" creationId="{5EA92FC6-B11C-4E73-9EAC-B7F6866B9B54}"/>
          </ac:spMkLst>
        </pc:spChg>
        <pc:spChg chg="add mod">
          <ac:chgData name="Yonghwi Kwon" userId="70c25efda52b9d58" providerId="LiveId" clId="{AA9654FF-0740-4B9F-9EA9-168026594EBE}" dt="2021-02-08T09:37:02.404" v="4305" actId="14100"/>
          <ac:spMkLst>
            <pc:docMk/>
            <pc:sldMk cId="1329787085" sldId="500"/>
            <ac:spMk id="9" creationId="{7540F140-948E-4A61-929E-87DDE201DBBC}"/>
          </ac:spMkLst>
        </pc:spChg>
        <pc:spChg chg="add mod">
          <ac:chgData name="Yonghwi Kwon" userId="70c25efda52b9d58" providerId="LiveId" clId="{AA9654FF-0740-4B9F-9EA9-168026594EBE}" dt="2021-02-08T09:37:09.046" v="4307" actId="14100"/>
          <ac:spMkLst>
            <pc:docMk/>
            <pc:sldMk cId="1329787085" sldId="500"/>
            <ac:spMk id="10" creationId="{EEE5F234-D8C5-4297-B149-74AE0D238367}"/>
          </ac:spMkLst>
        </pc:spChg>
        <pc:picChg chg="add mod ord">
          <ac:chgData name="Yonghwi Kwon" userId="70c25efda52b9d58" providerId="LiveId" clId="{AA9654FF-0740-4B9F-9EA9-168026594EBE}" dt="2021-02-08T09:36:18.573" v="4297" actId="1076"/>
          <ac:picMkLst>
            <pc:docMk/>
            <pc:sldMk cId="1329787085" sldId="500"/>
            <ac:picMk id="6" creationId="{10233770-6C5C-4CEA-B5C5-C209E21996A6}"/>
          </ac:picMkLst>
        </pc:picChg>
      </pc:sldChg>
      <pc:sldChg chg="addSp delSp modSp new mod ord modAnim">
        <pc:chgData name="Yonghwi Kwon" userId="70c25efda52b9d58" providerId="LiveId" clId="{AA9654FF-0740-4B9F-9EA9-168026594EBE}" dt="2021-02-09T08:06:41.965" v="11032"/>
        <pc:sldMkLst>
          <pc:docMk/>
          <pc:sldMk cId="3450884217" sldId="501"/>
        </pc:sldMkLst>
        <pc:spChg chg="mod">
          <ac:chgData name="Yonghwi Kwon" userId="70c25efda52b9d58" providerId="LiveId" clId="{AA9654FF-0740-4B9F-9EA9-168026594EBE}" dt="2021-02-08T09:00:59.371" v="3603" actId="20577"/>
          <ac:spMkLst>
            <pc:docMk/>
            <pc:sldMk cId="3450884217" sldId="501"/>
            <ac:spMk id="2" creationId="{2BCD545B-862B-45DE-8AA9-488000558C3E}"/>
          </ac:spMkLst>
        </pc:spChg>
        <pc:spChg chg="del">
          <ac:chgData name="Yonghwi Kwon" userId="70c25efda52b9d58" providerId="LiveId" clId="{AA9654FF-0740-4B9F-9EA9-168026594EBE}" dt="2021-02-08T09:01:32.616" v="3604" actId="478"/>
          <ac:spMkLst>
            <pc:docMk/>
            <pc:sldMk cId="3450884217" sldId="501"/>
            <ac:spMk id="3" creationId="{43F4EF10-5697-468B-B79A-E52217D5249D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5" creationId="{DAE98385-268D-4C1A-A4C7-3506C099E033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7" creationId="{C879B725-5482-4C94-BDD7-E488C89EFED9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8" creationId="{91B98256-CCFE-4A75-AF05-5A8138DE9C73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9" creationId="{07238FF6-8C71-404F-BC39-BA03BFB1FBA9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10" creationId="{5E9553AF-9A93-4E03-A960-E2A683B58784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11" creationId="{1DD08D11-154A-4A18-B9C2-54CACCB0564C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15" creationId="{1FCDBA46-E4BB-455B-948E-4CC8BA555607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16" creationId="{E9BECF8B-D929-4ACB-B875-B8D317B0B82D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19" creationId="{4B81DE1E-902E-4297-A3DA-4083F1BE09B5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20" creationId="{47F455C2-8DC3-420F-B59C-A4C4DBE20701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22" creationId="{9A62166A-7D70-47ED-A3AA-3D33D9CF9295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23" creationId="{2ED8248D-CB11-44D4-88D1-581CA3E02DC1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24" creationId="{F6BCC764-D90B-40D9-B898-6311C0985215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25" creationId="{F42D834D-67D3-461C-9C81-2F4AEEEBD2A6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26" creationId="{1A38543E-C8A2-444D-8AC1-895CEE88EFBD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27" creationId="{B6D743C3-654B-4C28-805A-7E6B857D001E}"/>
          </ac:spMkLst>
        </pc:spChg>
        <pc:spChg chg="add mod">
          <ac:chgData name="Yonghwi Kwon" userId="70c25efda52b9d58" providerId="LiveId" clId="{AA9654FF-0740-4B9F-9EA9-168026594EBE}" dt="2021-02-08T09:01:32.916" v="3605"/>
          <ac:spMkLst>
            <pc:docMk/>
            <pc:sldMk cId="3450884217" sldId="501"/>
            <ac:spMk id="28" creationId="{7AC92DE2-7D0B-4ABB-BD81-0881921913DA}"/>
          </ac:spMkLst>
        </pc:spChg>
        <pc:cxnChg chg="add mod">
          <ac:chgData name="Yonghwi Kwon" userId="70c25efda52b9d58" providerId="LiveId" clId="{AA9654FF-0740-4B9F-9EA9-168026594EBE}" dt="2021-02-08T09:01:32.916" v="3605"/>
          <ac:cxnSpMkLst>
            <pc:docMk/>
            <pc:sldMk cId="3450884217" sldId="501"/>
            <ac:cxnSpMk id="6" creationId="{51CDDF3E-BE03-444C-BCBD-E51954F97DA0}"/>
          </ac:cxnSpMkLst>
        </pc:cxnChg>
        <pc:cxnChg chg="add mod">
          <ac:chgData name="Yonghwi Kwon" userId="70c25efda52b9d58" providerId="LiveId" clId="{AA9654FF-0740-4B9F-9EA9-168026594EBE}" dt="2021-02-08T09:01:32.916" v="3605"/>
          <ac:cxnSpMkLst>
            <pc:docMk/>
            <pc:sldMk cId="3450884217" sldId="501"/>
            <ac:cxnSpMk id="12" creationId="{D4354A75-172B-497A-A56A-CCE83C3A5FA7}"/>
          </ac:cxnSpMkLst>
        </pc:cxnChg>
        <pc:cxnChg chg="add mod">
          <ac:chgData name="Yonghwi Kwon" userId="70c25efda52b9d58" providerId="LiveId" clId="{AA9654FF-0740-4B9F-9EA9-168026594EBE}" dt="2021-02-08T09:01:32.916" v="3605"/>
          <ac:cxnSpMkLst>
            <pc:docMk/>
            <pc:sldMk cId="3450884217" sldId="501"/>
            <ac:cxnSpMk id="13" creationId="{9E14582F-BCF7-48EF-94A3-509DF5E2B289}"/>
          </ac:cxnSpMkLst>
        </pc:cxnChg>
        <pc:cxnChg chg="add mod">
          <ac:chgData name="Yonghwi Kwon" userId="70c25efda52b9d58" providerId="LiveId" clId="{AA9654FF-0740-4B9F-9EA9-168026594EBE}" dt="2021-02-08T09:01:32.916" v="3605"/>
          <ac:cxnSpMkLst>
            <pc:docMk/>
            <pc:sldMk cId="3450884217" sldId="501"/>
            <ac:cxnSpMk id="14" creationId="{F34D30A6-983E-4084-8213-33DCCDBF7F61}"/>
          </ac:cxnSpMkLst>
        </pc:cxnChg>
        <pc:cxnChg chg="add mod">
          <ac:chgData name="Yonghwi Kwon" userId="70c25efda52b9d58" providerId="LiveId" clId="{AA9654FF-0740-4B9F-9EA9-168026594EBE}" dt="2021-02-08T09:01:32.916" v="3605"/>
          <ac:cxnSpMkLst>
            <pc:docMk/>
            <pc:sldMk cId="3450884217" sldId="501"/>
            <ac:cxnSpMk id="17" creationId="{E69CAA19-1C91-4D8D-B8EB-16E6D7005A00}"/>
          </ac:cxnSpMkLst>
        </pc:cxnChg>
        <pc:cxnChg chg="add mod">
          <ac:chgData name="Yonghwi Kwon" userId="70c25efda52b9d58" providerId="LiveId" clId="{AA9654FF-0740-4B9F-9EA9-168026594EBE}" dt="2021-02-08T09:01:32.916" v="3605"/>
          <ac:cxnSpMkLst>
            <pc:docMk/>
            <pc:sldMk cId="3450884217" sldId="501"/>
            <ac:cxnSpMk id="18" creationId="{09730393-2EA6-4369-9CFF-6667D51F9D60}"/>
          </ac:cxnSpMkLst>
        </pc:cxnChg>
        <pc:cxnChg chg="add mod">
          <ac:chgData name="Yonghwi Kwon" userId="70c25efda52b9d58" providerId="LiveId" clId="{AA9654FF-0740-4B9F-9EA9-168026594EBE}" dt="2021-02-08T09:01:32.916" v="3605"/>
          <ac:cxnSpMkLst>
            <pc:docMk/>
            <pc:sldMk cId="3450884217" sldId="501"/>
            <ac:cxnSpMk id="21" creationId="{C46A3469-8081-455D-B8C1-63435BCD1D28}"/>
          </ac:cxnSpMkLst>
        </pc:cxnChg>
        <pc:cxnChg chg="add mod">
          <ac:chgData name="Yonghwi Kwon" userId="70c25efda52b9d58" providerId="LiveId" clId="{AA9654FF-0740-4B9F-9EA9-168026594EBE}" dt="2021-02-08T09:01:32.916" v="3605"/>
          <ac:cxnSpMkLst>
            <pc:docMk/>
            <pc:sldMk cId="3450884217" sldId="501"/>
            <ac:cxnSpMk id="29" creationId="{D1127849-C0DD-432C-9F19-6F18FEEE91D8}"/>
          </ac:cxnSpMkLst>
        </pc:cxnChg>
      </pc:sldChg>
      <pc:sldChg chg="addSp delSp modSp add mod ord">
        <pc:chgData name="Yonghwi Kwon" userId="70c25efda52b9d58" providerId="LiveId" clId="{AA9654FF-0740-4B9F-9EA9-168026594EBE}" dt="2021-02-09T08:06:41.965" v="11032"/>
        <pc:sldMkLst>
          <pc:docMk/>
          <pc:sldMk cId="3989040710" sldId="502"/>
        </pc:sldMkLst>
        <pc:spChg chg="del">
          <ac:chgData name="Yonghwi Kwon" userId="70c25efda52b9d58" providerId="LiveId" clId="{AA9654FF-0740-4B9F-9EA9-168026594EBE}" dt="2021-02-08T09:20:21.258" v="4211" actId="478"/>
          <ac:spMkLst>
            <pc:docMk/>
            <pc:sldMk cId="3989040710" sldId="502"/>
            <ac:spMk id="5" creationId="{DAE98385-268D-4C1A-A4C7-3506C099E033}"/>
          </ac:spMkLst>
        </pc:spChg>
        <pc:spChg chg="del">
          <ac:chgData name="Yonghwi Kwon" userId="70c25efda52b9d58" providerId="LiveId" clId="{AA9654FF-0740-4B9F-9EA9-168026594EBE}" dt="2021-02-08T09:20:21.258" v="4211" actId="478"/>
          <ac:spMkLst>
            <pc:docMk/>
            <pc:sldMk cId="3989040710" sldId="502"/>
            <ac:spMk id="7" creationId="{C879B725-5482-4C94-BDD7-E488C89EFED9}"/>
          </ac:spMkLst>
        </pc:spChg>
        <pc:spChg chg="del">
          <ac:chgData name="Yonghwi Kwon" userId="70c25efda52b9d58" providerId="LiveId" clId="{AA9654FF-0740-4B9F-9EA9-168026594EBE}" dt="2021-02-08T09:20:21.258" v="4211" actId="478"/>
          <ac:spMkLst>
            <pc:docMk/>
            <pc:sldMk cId="3989040710" sldId="502"/>
            <ac:spMk id="8" creationId="{91B98256-CCFE-4A75-AF05-5A8138DE9C73}"/>
          </ac:spMkLst>
        </pc:spChg>
        <pc:spChg chg="del">
          <ac:chgData name="Yonghwi Kwon" userId="70c25efda52b9d58" providerId="LiveId" clId="{AA9654FF-0740-4B9F-9EA9-168026594EBE}" dt="2021-02-08T09:20:21.258" v="4211" actId="478"/>
          <ac:spMkLst>
            <pc:docMk/>
            <pc:sldMk cId="3989040710" sldId="502"/>
            <ac:spMk id="9" creationId="{07238FF6-8C71-404F-BC39-BA03BFB1FBA9}"/>
          </ac:spMkLst>
        </pc:spChg>
        <pc:spChg chg="add del mod ord">
          <ac:chgData name="Yonghwi Kwon" userId="70c25efda52b9d58" providerId="LiveId" clId="{AA9654FF-0740-4B9F-9EA9-168026594EBE}" dt="2021-02-08T09:22:09.743" v="4226" actId="167"/>
          <ac:spMkLst>
            <pc:docMk/>
            <pc:sldMk cId="3989040710" sldId="502"/>
            <ac:spMk id="10" creationId="{5E9553AF-9A93-4E03-A960-E2A683B58784}"/>
          </ac:spMkLst>
        </pc:spChg>
        <pc:spChg chg="del">
          <ac:chgData name="Yonghwi Kwon" userId="70c25efda52b9d58" providerId="LiveId" clId="{AA9654FF-0740-4B9F-9EA9-168026594EBE}" dt="2021-02-08T09:20:21.258" v="4211" actId="478"/>
          <ac:spMkLst>
            <pc:docMk/>
            <pc:sldMk cId="3989040710" sldId="502"/>
            <ac:spMk id="11" creationId="{1DD08D11-154A-4A18-B9C2-54CACCB0564C}"/>
          </ac:spMkLst>
        </pc:spChg>
        <pc:spChg chg="del">
          <ac:chgData name="Yonghwi Kwon" userId="70c25efda52b9d58" providerId="LiveId" clId="{AA9654FF-0740-4B9F-9EA9-168026594EBE}" dt="2021-02-08T09:20:21.258" v="4211" actId="478"/>
          <ac:spMkLst>
            <pc:docMk/>
            <pc:sldMk cId="3989040710" sldId="502"/>
            <ac:spMk id="15" creationId="{1FCDBA46-E4BB-455B-948E-4CC8BA555607}"/>
          </ac:spMkLst>
        </pc:spChg>
        <pc:spChg chg="del">
          <ac:chgData name="Yonghwi Kwon" userId="70c25efda52b9d58" providerId="LiveId" clId="{AA9654FF-0740-4B9F-9EA9-168026594EBE}" dt="2021-02-08T09:20:21.258" v="4211" actId="478"/>
          <ac:spMkLst>
            <pc:docMk/>
            <pc:sldMk cId="3989040710" sldId="502"/>
            <ac:spMk id="16" creationId="{E9BECF8B-D929-4ACB-B875-B8D317B0B82D}"/>
          </ac:spMkLst>
        </pc:spChg>
        <pc:spChg chg="del">
          <ac:chgData name="Yonghwi Kwon" userId="70c25efda52b9d58" providerId="LiveId" clId="{AA9654FF-0740-4B9F-9EA9-168026594EBE}" dt="2021-02-08T09:20:21.258" v="4211" actId="478"/>
          <ac:spMkLst>
            <pc:docMk/>
            <pc:sldMk cId="3989040710" sldId="502"/>
            <ac:spMk id="28" creationId="{7AC92DE2-7D0B-4ABB-BD81-0881921913DA}"/>
          </ac:spMkLst>
        </pc:spChg>
        <pc:cxnChg chg="del">
          <ac:chgData name="Yonghwi Kwon" userId="70c25efda52b9d58" providerId="LiveId" clId="{AA9654FF-0740-4B9F-9EA9-168026594EBE}" dt="2021-02-08T09:20:21.258" v="4211" actId="478"/>
          <ac:cxnSpMkLst>
            <pc:docMk/>
            <pc:sldMk cId="3989040710" sldId="502"/>
            <ac:cxnSpMk id="6" creationId="{51CDDF3E-BE03-444C-BCBD-E51954F97DA0}"/>
          </ac:cxnSpMkLst>
        </pc:cxnChg>
        <pc:cxnChg chg="del mod">
          <ac:chgData name="Yonghwi Kwon" userId="70c25efda52b9d58" providerId="LiveId" clId="{AA9654FF-0740-4B9F-9EA9-168026594EBE}" dt="2021-02-08T09:20:21.258" v="4211" actId="478"/>
          <ac:cxnSpMkLst>
            <pc:docMk/>
            <pc:sldMk cId="3989040710" sldId="502"/>
            <ac:cxnSpMk id="12" creationId="{D4354A75-172B-497A-A56A-CCE83C3A5FA7}"/>
          </ac:cxnSpMkLst>
        </pc:cxnChg>
        <pc:cxnChg chg="del mod">
          <ac:chgData name="Yonghwi Kwon" userId="70c25efda52b9d58" providerId="LiveId" clId="{AA9654FF-0740-4B9F-9EA9-168026594EBE}" dt="2021-02-08T09:20:21.258" v="4211" actId="478"/>
          <ac:cxnSpMkLst>
            <pc:docMk/>
            <pc:sldMk cId="3989040710" sldId="502"/>
            <ac:cxnSpMk id="13" creationId="{9E14582F-BCF7-48EF-94A3-509DF5E2B289}"/>
          </ac:cxnSpMkLst>
        </pc:cxnChg>
        <pc:cxnChg chg="del mod">
          <ac:chgData name="Yonghwi Kwon" userId="70c25efda52b9d58" providerId="LiveId" clId="{AA9654FF-0740-4B9F-9EA9-168026594EBE}" dt="2021-02-08T09:20:23.955" v="4212" actId="478"/>
          <ac:cxnSpMkLst>
            <pc:docMk/>
            <pc:sldMk cId="3989040710" sldId="502"/>
            <ac:cxnSpMk id="14" creationId="{F34D30A6-983E-4084-8213-33DCCDBF7F61}"/>
          </ac:cxnSpMkLst>
        </pc:cxnChg>
        <pc:cxnChg chg="del mod">
          <ac:chgData name="Yonghwi Kwon" userId="70c25efda52b9d58" providerId="LiveId" clId="{AA9654FF-0740-4B9F-9EA9-168026594EBE}" dt="2021-02-08T09:20:21.258" v="4211" actId="478"/>
          <ac:cxnSpMkLst>
            <pc:docMk/>
            <pc:sldMk cId="3989040710" sldId="502"/>
            <ac:cxnSpMk id="17" creationId="{E69CAA19-1C91-4D8D-B8EB-16E6D7005A00}"/>
          </ac:cxnSpMkLst>
        </pc:cxnChg>
        <pc:cxnChg chg="del mod">
          <ac:chgData name="Yonghwi Kwon" userId="70c25efda52b9d58" providerId="LiveId" clId="{AA9654FF-0740-4B9F-9EA9-168026594EBE}" dt="2021-02-08T09:20:21.258" v="4211" actId="478"/>
          <ac:cxnSpMkLst>
            <pc:docMk/>
            <pc:sldMk cId="3989040710" sldId="502"/>
            <ac:cxnSpMk id="18" creationId="{09730393-2EA6-4369-9CFF-6667D51F9D60}"/>
          </ac:cxnSpMkLst>
        </pc:cxnChg>
        <pc:cxnChg chg="del">
          <ac:chgData name="Yonghwi Kwon" userId="70c25efda52b9d58" providerId="LiveId" clId="{AA9654FF-0740-4B9F-9EA9-168026594EBE}" dt="2021-02-08T09:20:21.258" v="4211" actId="478"/>
          <ac:cxnSpMkLst>
            <pc:docMk/>
            <pc:sldMk cId="3989040710" sldId="502"/>
            <ac:cxnSpMk id="29" creationId="{D1127849-C0DD-432C-9F19-6F18FEEE91D8}"/>
          </ac:cxnSpMkLst>
        </pc:cxnChg>
      </pc:sldChg>
      <pc:sldChg chg="addSp modSp add modAnim modNotesTx">
        <pc:chgData name="Yonghwi Kwon" userId="70c25efda52b9d58" providerId="LiveId" clId="{AA9654FF-0740-4B9F-9EA9-168026594EBE}" dt="2021-02-09T06:08:06.578" v="10920" actId="20577"/>
        <pc:sldMkLst>
          <pc:docMk/>
          <pc:sldMk cId="2316493444" sldId="503"/>
        </pc:sldMkLst>
        <pc:picChg chg="add mod">
          <ac:chgData name="Yonghwi Kwon" userId="70c25efda52b9d58" providerId="LiveId" clId="{AA9654FF-0740-4B9F-9EA9-168026594EBE}" dt="2021-02-08T16:43:18.780" v="5240" actId="1076"/>
          <ac:picMkLst>
            <pc:docMk/>
            <pc:sldMk cId="2316493444" sldId="503"/>
            <ac:picMk id="93" creationId="{A93A2E3D-DFEE-420A-94B1-192EBDCAD98F}"/>
          </ac:picMkLst>
        </pc:picChg>
      </pc:sldChg>
      <pc:sldChg chg="addSp modSp add mod ord">
        <pc:chgData name="Yonghwi Kwon" userId="70c25efda52b9d58" providerId="LiveId" clId="{AA9654FF-0740-4B9F-9EA9-168026594EBE}" dt="2021-02-09T08:06:41.965" v="11032"/>
        <pc:sldMkLst>
          <pc:docMk/>
          <pc:sldMk cId="1275994745" sldId="504"/>
        </pc:sldMkLst>
        <pc:spChg chg="mod ord">
          <ac:chgData name="Yonghwi Kwon" userId="70c25efda52b9d58" providerId="LiveId" clId="{AA9654FF-0740-4B9F-9EA9-168026594EBE}" dt="2021-02-08T09:23:02.444" v="4242" actId="167"/>
          <ac:spMkLst>
            <pc:docMk/>
            <pc:sldMk cId="1275994745" sldId="504"/>
            <ac:spMk id="10" creationId="{5E9553AF-9A93-4E03-A960-E2A683B58784}"/>
          </ac:spMkLst>
        </pc:spChg>
        <pc:spChg chg="add mod ord">
          <ac:chgData name="Yonghwi Kwon" userId="70c25efda52b9d58" providerId="LiveId" clId="{AA9654FF-0740-4B9F-9EA9-168026594EBE}" dt="2021-02-08T09:23:00.358" v="4241" actId="167"/>
          <ac:spMkLst>
            <pc:docMk/>
            <pc:sldMk cId="1275994745" sldId="504"/>
            <ac:spMk id="14" creationId="{6B98FFA2-9797-4450-8356-A1D77CC5A6CA}"/>
          </ac:spMkLst>
        </pc:spChg>
      </pc:sldChg>
      <pc:sldChg chg="delSp modSp add mod ord">
        <pc:chgData name="Yonghwi Kwon" userId="70c25efda52b9d58" providerId="LiveId" clId="{AA9654FF-0740-4B9F-9EA9-168026594EBE}" dt="2021-02-09T08:06:41.965" v="11032"/>
        <pc:sldMkLst>
          <pc:docMk/>
          <pc:sldMk cId="3831467888" sldId="505"/>
        </pc:sldMkLst>
        <pc:spChg chg="del mod">
          <ac:chgData name="Yonghwi Kwon" userId="70c25efda52b9d58" providerId="LiveId" clId="{AA9654FF-0740-4B9F-9EA9-168026594EBE}" dt="2021-02-08T09:22:44" v="4237" actId="478"/>
          <ac:spMkLst>
            <pc:docMk/>
            <pc:sldMk cId="3831467888" sldId="505"/>
            <ac:spMk id="10" creationId="{5E9553AF-9A93-4E03-A960-E2A683B58784}"/>
          </ac:spMkLst>
        </pc:spChg>
        <pc:spChg chg="mod ord">
          <ac:chgData name="Yonghwi Kwon" userId="70c25efda52b9d58" providerId="LiveId" clId="{AA9654FF-0740-4B9F-9EA9-168026594EBE}" dt="2021-02-08T09:23:07.462" v="4243" actId="167"/>
          <ac:spMkLst>
            <pc:docMk/>
            <pc:sldMk cId="3831467888" sldId="505"/>
            <ac:spMk id="14" creationId="{6B98FFA2-9797-4450-8356-A1D77CC5A6CA}"/>
          </ac:spMkLst>
        </pc:spChg>
        <pc:spChg chg="mod">
          <ac:chgData name="Yonghwi Kwon" userId="70c25efda52b9d58" providerId="LiveId" clId="{AA9654FF-0740-4B9F-9EA9-168026594EBE}" dt="2021-02-08T09:22:41.316" v="4236" actId="1076"/>
          <ac:spMkLst>
            <pc:docMk/>
            <pc:sldMk cId="3831467888" sldId="505"/>
            <ac:spMk id="19" creationId="{4B81DE1E-902E-4297-A3DA-4083F1BE09B5}"/>
          </ac:spMkLst>
        </pc:spChg>
      </pc:sldChg>
      <pc:sldChg chg="modSp add mod ord">
        <pc:chgData name="Yonghwi Kwon" userId="70c25efda52b9d58" providerId="LiveId" clId="{AA9654FF-0740-4B9F-9EA9-168026594EBE}" dt="2021-02-09T08:06:41.965" v="11032"/>
        <pc:sldMkLst>
          <pc:docMk/>
          <pc:sldMk cId="666084651" sldId="506"/>
        </pc:sldMkLst>
        <pc:spChg chg="mod">
          <ac:chgData name="Yonghwi Kwon" userId="70c25efda52b9d58" providerId="LiveId" clId="{AA9654FF-0740-4B9F-9EA9-168026594EBE}" dt="2021-02-08T09:23:24.524" v="4246" actId="14100"/>
          <ac:spMkLst>
            <pc:docMk/>
            <pc:sldMk cId="666084651" sldId="506"/>
            <ac:spMk id="14" creationId="{6B98FFA2-9797-4450-8356-A1D77CC5A6CA}"/>
          </ac:spMkLst>
        </pc:spChg>
      </pc:sldChg>
      <pc:sldChg chg="addSp modSp new mod">
        <pc:chgData name="Yonghwi Kwon" userId="70c25efda52b9d58" providerId="LiveId" clId="{AA9654FF-0740-4B9F-9EA9-168026594EBE}" dt="2021-02-09T09:09:18.347" v="11100" actId="27636"/>
        <pc:sldMkLst>
          <pc:docMk/>
          <pc:sldMk cId="3092045584" sldId="507"/>
        </pc:sldMkLst>
        <pc:spChg chg="mod">
          <ac:chgData name="Yonghwi Kwon" userId="70c25efda52b9d58" providerId="LiveId" clId="{AA9654FF-0740-4B9F-9EA9-168026594EBE}" dt="2021-02-08T09:51:13.672" v="4402" actId="20577"/>
          <ac:spMkLst>
            <pc:docMk/>
            <pc:sldMk cId="3092045584" sldId="507"/>
            <ac:spMk id="2" creationId="{6B0C893B-B576-44AB-811D-FC9A312F5A60}"/>
          </ac:spMkLst>
        </pc:spChg>
        <pc:spChg chg="mod">
          <ac:chgData name="Yonghwi Kwon" userId="70c25efda52b9d58" providerId="LiveId" clId="{AA9654FF-0740-4B9F-9EA9-168026594EBE}" dt="2021-02-09T09:09:18.347" v="11100" actId="27636"/>
          <ac:spMkLst>
            <pc:docMk/>
            <pc:sldMk cId="3092045584" sldId="507"/>
            <ac:spMk id="3" creationId="{17D0E644-9E51-4006-8B4D-14037AE9796C}"/>
          </ac:spMkLst>
        </pc:spChg>
        <pc:picChg chg="add mod ord">
          <ac:chgData name="Yonghwi Kwon" userId="70c25efda52b9d58" providerId="LiveId" clId="{AA9654FF-0740-4B9F-9EA9-168026594EBE}" dt="2021-02-08T15:14:03.379" v="5164" actId="1076"/>
          <ac:picMkLst>
            <pc:docMk/>
            <pc:sldMk cId="3092045584" sldId="507"/>
            <ac:picMk id="6" creationId="{53DDBCCC-2F1C-41F6-9E94-16D97327673A}"/>
          </ac:picMkLst>
        </pc:picChg>
      </pc:sldChg>
    </pc:docChg>
  </pc:docChgLst>
  <pc:docChgLst>
    <pc:chgData name="Yonghwi Kwon" userId="70c25efda52b9d58" providerId="LiveId" clId="{116D774A-5CDA-4819-A9A4-4F12477E6DA3}"/>
    <pc:docChg chg="modSld">
      <pc:chgData name="Yonghwi Kwon" userId="70c25efda52b9d58" providerId="LiveId" clId="{116D774A-5CDA-4819-A9A4-4F12477E6DA3}" dt="2021-03-02T08:29:51.021" v="6" actId="6549"/>
      <pc:docMkLst>
        <pc:docMk/>
      </pc:docMkLst>
      <pc:sldChg chg="modNotesTx">
        <pc:chgData name="Yonghwi Kwon" userId="70c25efda52b9d58" providerId="LiveId" clId="{116D774A-5CDA-4819-A9A4-4F12477E6DA3}" dt="2021-03-02T08:29:34.478" v="0" actId="6549"/>
        <pc:sldMkLst>
          <pc:docMk/>
          <pc:sldMk cId="4096159970" sldId="256"/>
        </pc:sldMkLst>
      </pc:sldChg>
      <pc:sldChg chg="modNotesTx">
        <pc:chgData name="Yonghwi Kwon" userId="70c25efda52b9d58" providerId="LiveId" clId="{116D774A-5CDA-4819-A9A4-4F12477E6DA3}" dt="2021-03-02T08:29:36.933" v="1" actId="6549"/>
        <pc:sldMkLst>
          <pc:docMk/>
          <pc:sldMk cId="677223643" sldId="445"/>
        </pc:sldMkLst>
      </pc:sldChg>
      <pc:sldChg chg="modNotesTx">
        <pc:chgData name="Yonghwi Kwon" userId="70c25efda52b9d58" providerId="LiveId" clId="{116D774A-5CDA-4819-A9A4-4F12477E6DA3}" dt="2021-03-02T08:29:42.305" v="2" actId="6549"/>
        <pc:sldMkLst>
          <pc:docMk/>
          <pc:sldMk cId="1551019156" sldId="461"/>
        </pc:sldMkLst>
      </pc:sldChg>
      <pc:sldChg chg="modNotesTx">
        <pc:chgData name="Yonghwi Kwon" userId="70c25efda52b9d58" providerId="LiveId" clId="{116D774A-5CDA-4819-A9A4-4F12477E6DA3}" dt="2021-03-02T08:29:44.797" v="3" actId="6549"/>
        <pc:sldMkLst>
          <pc:docMk/>
          <pc:sldMk cId="2565967164" sldId="462"/>
        </pc:sldMkLst>
      </pc:sldChg>
      <pc:sldChg chg="modNotesTx">
        <pc:chgData name="Yonghwi Kwon" userId="70c25efda52b9d58" providerId="LiveId" clId="{116D774A-5CDA-4819-A9A4-4F12477E6DA3}" dt="2021-03-02T08:29:46.624" v="4" actId="6549"/>
        <pc:sldMkLst>
          <pc:docMk/>
          <pc:sldMk cId="4293956855" sldId="463"/>
        </pc:sldMkLst>
      </pc:sldChg>
      <pc:sldChg chg="modNotesTx">
        <pc:chgData name="Yonghwi Kwon" userId="70c25efda52b9d58" providerId="LiveId" clId="{116D774A-5CDA-4819-A9A4-4F12477E6DA3}" dt="2021-03-02T08:29:49.138" v="5" actId="6549"/>
        <pc:sldMkLst>
          <pc:docMk/>
          <pc:sldMk cId="3098422863" sldId="494"/>
        </pc:sldMkLst>
      </pc:sldChg>
      <pc:sldChg chg="modNotesTx">
        <pc:chgData name="Yonghwi Kwon" userId="70c25efda52b9d58" providerId="LiveId" clId="{116D774A-5CDA-4819-A9A4-4F12477E6DA3}" dt="2021-03-02T08:29:51.021" v="6" actId="6549"/>
        <pc:sldMkLst>
          <pc:docMk/>
          <pc:sldMk cId="2316493444" sldId="503"/>
        </pc:sldMkLst>
      </pc:sldChg>
    </pc:docChg>
  </pc:docChgLst>
  <pc:docChgLst>
    <pc:chgData name="Yonghwi Kwon" userId="70c25efda52b9d58" providerId="LiveId" clId="{5D4C2B58-E234-4B9A-8426-8FF997E71C4B}"/>
    <pc:docChg chg="modSld">
      <pc:chgData name="Yonghwi Kwon" userId="70c25efda52b9d58" providerId="LiveId" clId="{5D4C2B58-E234-4B9A-8426-8FF997E71C4B}" dt="2019-07-17T20:56:47.622" v="4" actId="113"/>
      <pc:docMkLst>
        <pc:docMk/>
      </pc:docMkLst>
      <pc:sldChg chg="modSp">
        <pc:chgData name="Yonghwi Kwon" userId="70c25efda52b9d58" providerId="LiveId" clId="{5D4C2B58-E234-4B9A-8426-8FF997E71C4B}" dt="2019-07-17T20:56:47.622" v="4" actId="113"/>
        <pc:sldMkLst>
          <pc:docMk/>
          <pc:sldMk cId="4096159970" sldId="256"/>
        </pc:sldMkLst>
        <pc:spChg chg="mod">
          <ac:chgData name="Yonghwi Kwon" userId="70c25efda52b9d58" providerId="LiveId" clId="{5D4C2B58-E234-4B9A-8426-8FF997E71C4B}" dt="2019-07-17T20:56:47.622" v="4" actId="113"/>
          <ac:spMkLst>
            <pc:docMk/>
            <pc:sldMk cId="4096159970" sldId="256"/>
            <ac:spMk id="3" creationId="{3ABBC732-8D85-F44C-8BA8-7D02240DA235}"/>
          </ac:spMkLst>
        </pc:spChg>
      </pc:sldChg>
    </pc:docChg>
  </pc:docChgLst>
  <pc:docChgLst>
    <pc:chgData name="Yonghwi Kwon" userId="70c25efda52b9d58" providerId="LiveId" clId="{A5F680FB-8D71-485C-A0D3-F542043E5E58}"/>
    <pc:docChg chg="undo custSel addSld delSld modSld">
      <pc:chgData name="Yonghwi Kwon" userId="70c25efda52b9d58" providerId="LiveId" clId="{A5F680FB-8D71-485C-A0D3-F542043E5E58}" dt="2019-09-23T16:33:33.943" v="3790" actId="1076"/>
      <pc:docMkLst>
        <pc:docMk/>
      </pc:docMkLst>
      <pc:sldChg chg="modSp">
        <pc:chgData name="Yonghwi Kwon" userId="70c25efda52b9d58" providerId="LiveId" clId="{A5F680FB-8D71-485C-A0D3-F542043E5E58}" dt="2019-09-11T06:09:28.608" v="1903" actId="20577"/>
        <pc:sldMkLst>
          <pc:docMk/>
          <pc:sldMk cId="4096159970" sldId="256"/>
        </pc:sldMkLst>
        <pc:spChg chg="mod">
          <ac:chgData name="Yonghwi Kwon" userId="70c25efda52b9d58" providerId="LiveId" clId="{A5F680FB-8D71-485C-A0D3-F542043E5E58}" dt="2019-09-11T05:10:25.899" v="37" actId="20577"/>
          <ac:spMkLst>
            <pc:docMk/>
            <pc:sldMk cId="4096159970" sldId="256"/>
            <ac:spMk id="2" creationId="{BE3BDE29-7C80-6C4F-87DD-9654E63D1D0B}"/>
          </ac:spMkLst>
        </pc:spChg>
        <pc:spChg chg="mod">
          <ac:chgData name="Yonghwi Kwon" userId="70c25efda52b9d58" providerId="LiveId" clId="{A5F680FB-8D71-485C-A0D3-F542043E5E58}" dt="2019-09-11T06:09:28.608" v="1903" actId="20577"/>
          <ac:spMkLst>
            <pc:docMk/>
            <pc:sldMk cId="4096159970" sldId="256"/>
            <ac:spMk id="3" creationId="{3ABBC732-8D85-F44C-8BA8-7D02240DA235}"/>
          </ac:spMkLst>
        </pc:spChg>
      </pc:sldChg>
      <pc:sldChg chg="addSp delSp modSp">
        <pc:chgData name="Yonghwi Kwon" userId="70c25efda52b9d58" providerId="LiveId" clId="{A5F680FB-8D71-485C-A0D3-F542043E5E58}" dt="2019-09-11T05:37:48.709" v="771" actId="20577"/>
        <pc:sldMkLst>
          <pc:docMk/>
          <pc:sldMk cId="4237840391" sldId="294"/>
        </pc:sldMkLst>
        <pc:spChg chg="mod">
          <ac:chgData name="Yonghwi Kwon" userId="70c25efda52b9d58" providerId="LiveId" clId="{A5F680FB-8D71-485C-A0D3-F542043E5E58}" dt="2019-09-11T05:12:01.114" v="123" actId="20577"/>
          <ac:spMkLst>
            <pc:docMk/>
            <pc:sldMk cId="4237840391" sldId="294"/>
            <ac:spMk id="2" creationId="{00000000-0000-0000-0000-000000000000}"/>
          </ac:spMkLst>
        </pc:spChg>
        <pc:spChg chg="mod">
          <ac:chgData name="Yonghwi Kwon" userId="70c25efda52b9d58" providerId="LiveId" clId="{A5F680FB-8D71-485C-A0D3-F542043E5E58}" dt="2019-09-11T05:34:25.517" v="644" actId="20577"/>
          <ac:spMkLst>
            <pc:docMk/>
            <pc:sldMk cId="4237840391" sldId="294"/>
            <ac:spMk id="3" creationId="{00000000-0000-0000-0000-000000000000}"/>
          </ac:spMkLst>
        </pc:spChg>
        <pc:spChg chg="add mod">
          <ac:chgData name="Yonghwi Kwon" userId="70c25efda52b9d58" providerId="LiveId" clId="{A5F680FB-8D71-485C-A0D3-F542043E5E58}" dt="2019-09-11T05:33:56.790" v="574" actId="1076"/>
          <ac:spMkLst>
            <pc:docMk/>
            <pc:sldMk cId="4237840391" sldId="294"/>
            <ac:spMk id="5" creationId="{3C60FC12-C8E9-4D9D-9D28-DC0639A665DB}"/>
          </ac:spMkLst>
        </pc:spChg>
        <pc:spChg chg="del">
          <ac:chgData name="Yonghwi Kwon" userId="70c25efda52b9d58" providerId="LiveId" clId="{A5F680FB-8D71-485C-A0D3-F542043E5E58}" dt="2019-09-11T05:11:47.360" v="71" actId="478"/>
          <ac:spMkLst>
            <pc:docMk/>
            <pc:sldMk cId="4237840391" sldId="294"/>
            <ac:spMk id="15" creationId="{00000000-0000-0000-0000-000000000000}"/>
          </ac:spMkLst>
        </pc:spChg>
        <pc:spChg chg="add mod">
          <ac:chgData name="Yonghwi Kwon" userId="70c25efda52b9d58" providerId="LiveId" clId="{A5F680FB-8D71-485C-A0D3-F542043E5E58}" dt="2019-09-11T05:34:01.400" v="575" actId="1076"/>
          <ac:spMkLst>
            <pc:docMk/>
            <pc:sldMk cId="4237840391" sldId="294"/>
            <ac:spMk id="16" creationId="{1D321740-AAAD-44FD-B650-BC2044A94A08}"/>
          </ac:spMkLst>
        </pc:spChg>
        <pc:spChg chg="del">
          <ac:chgData name="Yonghwi Kwon" userId="70c25efda52b9d58" providerId="LiveId" clId="{A5F680FB-8D71-485C-A0D3-F542043E5E58}" dt="2019-09-11T05:11:47.360" v="71" actId="478"/>
          <ac:spMkLst>
            <pc:docMk/>
            <pc:sldMk cId="4237840391" sldId="294"/>
            <ac:spMk id="17" creationId="{00000000-0000-0000-0000-000000000000}"/>
          </ac:spMkLst>
        </pc:spChg>
        <pc:spChg chg="del">
          <ac:chgData name="Yonghwi Kwon" userId="70c25efda52b9d58" providerId="LiveId" clId="{A5F680FB-8D71-485C-A0D3-F542043E5E58}" dt="2019-09-11T05:11:47.360" v="71" actId="478"/>
          <ac:spMkLst>
            <pc:docMk/>
            <pc:sldMk cId="4237840391" sldId="294"/>
            <ac:spMk id="18" creationId="{00000000-0000-0000-0000-000000000000}"/>
          </ac:spMkLst>
        </pc:spChg>
        <pc:spChg chg="del">
          <ac:chgData name="Yonghwi Kwon" userId="70c25efda52b9d58" providerId="LiveId" clId="{A5F680FB-8D71-485C-A0D3-F542043E5E58}" dt="2019-09-11T05:11:47.360" v="71" actId="478"/>
          <ac:spMkLst>
            <pc:docMk/>
            <pc:sldMk cId="4237840391" sldId="294"/>
            <ac:spMk id="19" creationId="{00000000-0000-0000-0000-000000000000}"/>
          </ac:spMkLst>
        </pc:spChg>
        <pc:spChg chg="del">
          <ac:chgData name="Yonghwi Kwon" userId="70c25efda52b9d58" providerId="LiveId" clId="{A5F680FB-8D71-485C-A0D3-F542043E5E58}" dt="2019-09-11T05:11:47.360" v="71" actId="478"/>
          <ac:spMkLst>
            <pc:docMk/>
            <pc:sldMk cId="4237840391" sldId="294"/>
            <ac:spMk id="20" creationId="{00000000-0000-0000-0000-000000000000}"/>
          </ac:spMkLst>
        </pc:spChg>
        <pc:spChg chg="add mod">
          <ac:chgData name="Yonghwi Kwon" userId="70c25efda52b9d58" providerId="LiveId" clId="{A5F680FB-8D71-485C-A0D3-F542043E5E58}" dt="2019-09-11T05:33:56.790" v="574" actId="1076"/>
          <ac:spMkLst>
            <pc:docMk/>
            <pc:sldMk cId="4237840391" sldId="294"/>
            <ac:spMk id="21" creationId="{982061AB-8AA1-4436-B760-7EEBAC724E53}"/>
          </ac:spMkLst>
        </pc:spChg>
        <pc:spChg chg="add mod">
          <ac:chgData name="Yonghwi Kwon" userId="70c25efda52b9d58" providerId="LiveId" clId="{A5F680FB-8D71-485C-A0D3-F542043E5E58}" dt="2019-09-11T05:33:56.790" v="574" actId="1076"/>
          <ac:spMkLst>
            <pc:docMk/>
            <pc:sldMk cId="4237840391" sldId="294"/>
            <ac:spMk id="24" creationId="{6ED3254D-A444-4E8A-9342-5CB379C4C7D8}"/>
          </ac:spMkLst>
        </pc:spChg>
        <pc:spChg chg="add mod">
          <ac:chgData name="Yonghwi Kwon" userId="70c25efda52b9d58" providerId="LiveId" clId="{A5F680FB-8D71-485C-A0D3-F542043E5E58}" dt="2019-09-11T05:34:01.400" v="575" actId="1076"/>
          <ac:spMkLst>
            <pc:docMk/>
            <pc:sldMk cId="4237840391" sldId="294"/>
            <ac:spMk id="30" creationId="{B7F2B286-B74B-4522-B981-31E2CF84597A}"/>
          </ac:spMkLst>
        </pc:spChg>
        <pc:spChg chg="add mod">
          <ac:chgData name="Yonghwi Kwon" userId="70c25efda52b9d58" providerId="LiveId" clId="{A5F680FB-8D71-485C-A0D3-F542043E5E58}" dt="2019-09-11T05:37:48.709" v="771" actId="20577"/>
          <ac:spMkLst>
            <pc:docMk/>
            <pc:sldMk cId="4237840391" sldId="294"/>
            <ac:spMk id="38" creationId="{09779DDE-A7AD-4259-8138-D9EEE7F67445}"/>
          </ac:spMkLst>
        </pc:spChg>
        <pc:spChg chg="add mod">
          <ac:chgData name="Yonghwi Kwon" userId="70c25efda52b9d58" providerId="LiveId" clId="{A5F680FB-8D71-485C-A0D3-F542043E5E58}" dt="2019-09-11T05:35:54.208" v="677" actId="1076"/>
          <ac:spMkLst>
            <pc:docMk/>
            <pc:sldMk cId="4237840391" sldId="294"/>
            <ac:spMk id="51" creationId="{60203651-FE0F-4FB7-83F5-9E8F4270E978}"/>
          </ac:spMkLst>
        </pc:spChg>
        <pc:spChg chg="add mod">
          <ac:chgData name="Yonghwi Kwon" userId="70c25efda52b9d58" providerId="LiveId" clId="{A5F680FB-8D71-485C-A0D3-F542043E5E58}" dt="2019-09-11T05:34:37.025" v="648" actId="571"/>
          <ac:spMkLst>
            <pc:docMk/>
            <pc:sldMk cId="4237840391" sldId="294"/>
            <ac:spMk id="66" creationId="{00665918-E496-4677-96CC-DCC64A091CFA}"/>
          </ac:spMkLst>
        </pc:spChg>
        <pc:spChg chg="add mod">
          <ac:chgData name="Yonghwi Kwon" userId="70c25efda52b9d58" providerId="LiveId" clId="{A5F680FB-8D71-485C-A0D3-F542043E5E58}" dt="2019-09-11T05:37:10.679" v="732" actId="1076"/>
          <ac:spMkLst>
            <pc:docMk/>
            <pc:sldMk cId="4237840391" sldId="294"/>
            <ac:spMk id="69" creationId="{7A8C7C67-F0CE-4D89-B39F-A8A1462746E8}"/>
          </ac:spMkLst>
        </pc:spChg>
        <pc:spChg chg="add mod">
          <ac:chgData name="Yonghwi Kwon" userId="70c25efda52b9d58" providerId="LiveId" clId="{A5F680FB-8D71-485C-A0D3-F542043E5E58}" dt="2019-09-11T05:37:32.862" v="750" actId="207"/>
          <ac:spMkLst>
            <pc:docMk/>
            <pc:sldMk cId="4237840391" sldId="294"/>
            <ac:spMk id="82" creationId="{D3680D76-0D6A-471D-BB45-322835EF7BBE}"/>
          </ac:spMkLst>
        </pc:spChg>
        <pc:picChg chg="del">
          <ac:chgData name="Yonghwi Kwon" userId="70c25efda52b9d58" providerId="LiveId" clId="{A5F680FB-8D71-485C-A0D3-F542043E5E58}" dt="2019-09-11T05:11:47.360" v="71" actId="478"/>
          <ac:picMkLst>
            <pc:docMk/>
            <pc:sldMk cId="4237840391" sldId="294"/>
            <ac:picMk id="5128" creationId="{00000000-0000-0000-0000-000000000000}"/>
          </ac:picMkLst>
        </pc:picChg>
        <pc:picChg chg="del">
          <ac:chgData name="Yonghwi Kwon" userId="70c25efda52b9d58" providerId="LiveId" clId="{A5F680FB-8D71-485C-A0D3-F542043E5E58}" dt="2019-09-11T05:11:47.360" v="71" actId="478"/>
          <ac:picMkLst>
            <pc:docMk/>
            <pc:sldMk cId="4237840391" sldId="294"/>
            <ac:picMk id="5132" creationId="{00000000-0000-0000-0000-000000000000}"/>
          </ac:picMkLst>
        </pc:picChg>
        <pc:cxnChg chg="add mod">
          <ac:chgData name="Yonghwi Kwon" userId="70c25efda52b9d58" providerId="LiveId" clId="{A5F680FB-8D71-485C-A0D3-F542043E5E58}" dt="2019-09-11T05:33:56.790" v="574" actId="1076"/>
          <ac:cxnSpMkLst>
            <pc:docMk/>
            <pc:sldMk cId="4237840391" sldId="294"/>
            <ac:cxnSpMk id="7" creationId="{B8CB4244-4DA8-42F8-86BF-5C882D310693}"/>
          </ac:cxnSpMkLst>
        </pc:cxnChg>
        <pc:cxnChg chg="del">
          <ac:chgData name="Yonghwi Kwon" userId="70c25efda52b9d58" providerId="LiveId" clId="{A5F680FB-8D71-485C-A0D3-F542043E5E58}" dt="2019-09-11T05:11:47.360" v="71" actId="478"/>
          <ac:cxnSpMkLst>
            <pc:docMk/>
            <pc:sldMk cId="4237840391" sldId="294"/>
            <ac:cxnSpMk id="22" creationId="{00000000-0000-0000-0000-000000000000}"/>
          </ac:cxnSpMkLst>
        </pc:cxnChg>
        <pc:cxnChg chg="del">
          <ac:chgData name="Yonghwi Kwon" userId="70c25efda52b9d58" providerId="LiveId" clId="{A5F680FB-8D71-485C-A0D3-F542043E5E58}" dt="2019-09-11T05:11:47.360" v="71" actId="478"/>
          <ac:cxnSpMkLst>
            <pc:docMk/>
            <pc:sldMk cId="4237840391" sldId="294"/>
            <ac:cxnSpMk id="23" creationId="{00000000-0000-0000-0000-000000000000}"/>
          </ac:cxnSpMkLst>
        </pc:cxnChg>
        <pc:cxnChg chg="add mod">
          <ac:chgData name="Yonghwi Kwon" userId="70c25efda52b9d58" providerId="LiveId" clId="{A5F680FB-8D71-485C-A0D3-F542043E5E58}" dt="2019-09-11T05:33:56.790" v="574" actId="1076"/>
          <ac:cxnSpMkLst>
            <pc:docMk/>
            <pc:sldMk cId="4237840391" sldId="294"/>
            <ac:cxnSpMk id="25" creationId="{22374964-B997-465D-ADA6-DD2A13760746}"/>
          </ac:cxnSpMkLst>
        </pc:cxnChg>
        <pc:cxnChg chg="add mod">
          <ac:chgData name="Yonghwi Kwon" userId="70c25efda52b9d58" providerId="LiveId" clId="{A5F680FB-8D71-485C-A0D3-F542043E5E58}" dt="2019-09-11T05:34:01.400" v="575" actId="1076"/>
          <ac:cxnSpMkLst>
            <pc:docMk/>
            <pc:sldMk cId="4237840391" sldId="294"/>
            <ac:cxnSpMk id="26" creationId="{A799127A-3F92-4706-BE77-E0B6F304CA48}"/>
          </ac:cxnSpMkLst>
        </pc:cxnChg>
        <pc:cxnChg chg="add mod">
          <ac:chgData name="Yonghwi Kwon" userId="70c25efda52b9d58" providerId="LiveId" clId="{A5F680FB-8D71-485C-A0D3-F542043E5E58}" dt="2019-09-11T05:34:01.400" v="575" actId="1076"/>
          <ac:cxnSpMkLst>
            <pc:docMk/>
            <pc:sldMk cId="4237840391" sldId="294"/>
            <ac:cxnSpMk id="31" creationId="{07F5CBBB-AFD1-41ED-A983-43BF6B7818C6}"/>
          </ac:cxnSpMkLst>
        </pc:cxnChg>
        <pc:cxnChg chg="add mod">
          <ac:chgData name="Yonghwi Kwon" userId="70c25efda52b9d58" providerId="LiveId" clId="{A5F680FB-8D71-485C-A0D3-F542043E5E58}" dt="2019-09-11T05:34:01.400" v="575" actId="1076"/>
          <ac:cxnSpMkLst>
            <pc:docMk/>
            <pc:sldMk cId="4237840391" sldId="294"/>
            <ac:cxnSpMk id="35" creationId="{DBA6D03C-9DFA-41C8-9B37-25485B9753DD}"/>
          </ac:cxnSpMkLst>
        </pc:cxnChg>
        <pc:cxnChg chg="add mod">
          <ac:chgData name="Yonghwi Kwon" userId="70c25efda52b9d58" providerId="LiveId" clId="{A5F680FB-8D71-485C-A0D3-F542043E5E58}" dt="2019-09-11T05:35:57.501" v="678" actId="14100"/>
          <ac:cxnSpMkLst>
            <pc:docMk/>
            <pc:sldMk cId="4237840391" sldId="294"/>
            <ac:cxnSpMk id="41" creationId="{DBEB0E3C-1D30-43F5-89B5-4551798DCB1A}"/>
          </ac:cxnSpMkLst>
        </pc:cxnChg>
        <pc:cxnChg chg="add mod">
          <ac:chgData name="Yonghwi Kwon" userId="70c25efda52b9d58" providerId="LiveId" clId="{A5F680FB-8D71-485C-A0D3-F542043E5E58}" dt="2019-09-11T05:37:10.679" v="732" actId="1076"/>
          <ac:cxnSpMkLst>
            <pc:docMk/>
            <pc:sldMk cId="4237840391" sldId="294"/>
            <ac:cxnSpMk id="56" creationId="{EBFB0534-4BBE-4576-9A29-60A36FAE39F1}"/>
          </ac:cxnSpMkLst>
        </pc:cxnChg>
        <pc:cxnChg chg="add mod">
          <ac:chgData name="Yonghwi Kwon" userId="70c25efda52b9d58" providerId="LiveId" clId="{A5F680FB-8D71-485C-A0D3-F542043E5E58}" dt="2019-09-11T05:37:10.679" v="732" actId="1076"/>
          <ac:cxnSpMkLst>
            <pc:docMk/>
            <pc:sldMk cId="4237840391" sldId="294"/>
            <ac:cxnSpMk id="74" creationId="{EC3CF322-3C08-4C7A-B1AE-773068F986A7}"/>
          </ac:cxnSpMkLst>
        </pc:cxnChg>
      </pc:sldChg>
      <pc:sldChg chg="del">
        <pc:chgData name="Yonghwi Kwon" userId="70c25efda52b9d58" providerId="LiveId" clId="{A5F680FB-8D71-485C-A0D3-F542043E5E58}" dt="2019-09-11T06:48:31.546" v="3755" actId="2696"/>
        <pc:sldMkLst>
          <pc:docMk/>
          <pc:sldMk cId="452089473" sldId="295"/>
        </pc:sldMkLst>
      </pc:sldChg>
      <pc:sldChg chg="del">
        <pc:chgData name="Yonghwi Kwon" userId="70c25efda52b9d58" providerId="LiveId" clId="{A5F680FB-8D71-485C-A0D3-F542043E5E58}" dt="2019-09-11T06:48:31.569" v="3756" actId="2696"/>
        <pc:sldMkLst>
          <pc:docMk/>
          <pc:sldMk cId="2196911583" sldId="314"/>
        </pc:sldMkLst>
      </pc:sldChg>
      <pc:sldChg chg="del">
        <pc:chgData name="Yonghwi Kwon" userId="70c25efda52b9d58" providerId="LiveId" clId="{A5F680FB-8D71-485C-A0D3-F542043E5E58}" dt="2019-09-11T06:48:31.596" v="3757" actId="2696"/>
        <pc:sldMkLst>
          <pc:docMk/>
          <pc:sldMk cId="750550984" sldId="390"/>
        </pc:sldMkLst>
      </pc:sldChg>
      <pc:sldChg chg="del">
        <pc:chgData name="Yonghwi Kwon" userId="70c25efda52b9d58" providerId="LiveId" clId="{A5F680FB-8D71-485C-A0D3-F542043E5E58}" dt="2019-09-11T06:48:31.618" v="3758" actId="2696"/>
        <pc:sldMkLst>
          <pc:docMk/>
          <pc:sldMk cId="1559061090" sldId="391"/>
        </pc:sldMkLst>
      </pc:sldChg>
      <pc:sldChg chg="del">
        <pc:chgData name="Yonghwi Kwon" userId="70c25efda52b9d58" providerId="LiveId" clId="{A5F680FB-8D71-485C-A0D3-F542043E5E58}" dt="2019-09-11T06:48:31.633" v="3759" actId="2696"/>
        <pc:sldMkLst>
          <pc:docMk/>
          <pc:sldMk cId="83470906" sldId="392"/>
        </pc:sldMkLst>
      </pc:sldChg>
      <pc:sldChg chg="del">
        <pc:chgData name="Yonghwi Kwon" userId="70c25efda52b9d58" providerId="LiveId" clId="{A5F680FB-8D71-485C-A0D3-F542043E5E58}" dt="2019-09-11T06:48:31.644" v="3760" actId="2696"/>
        <pc:sldMkLst>
          <pc:docMk/>
          <pc:sldMk cId="342015359" sldId="393"/>
        </pc:sldMkLst>
      </pc:sldChg>
      <pc:sldChg chg="del">
        <pc:chgData name="Yonghwi Kwon" userId="70c25efda52b9d58" providerId="LiveId" clId="{A5F680FB-8D71-485C-A0D3-F542043E5E58}" dt="2019-09-11T06:48:31.665" v="3761" actId="2696"/>
        <pc:sldMkLst>
          <pc:docMk/>
          <pc:sldMk cId="4284680329" sldId="394"/>
        </pc:sldMkLst>
      </pc:sldChg>
      <pc:sldChg chg="del">
        <pc:chgData name="Yonghwi Kwon" userId="70c25efda52b9d58" providerId="LiveId" clId="{A5F680FB-8D71-485C-A0D3-F542043E5E58}" dt="2019-09-11T06:48:31.686" v="3762" actId="2696"/>
        <pc:sldMkLst>
          <pc:docMk/>
          <pc:sldMk cId="745869866" sldId="396"/>
        </pc:sldMkLst>
      </pc:sldChg>
      <pc:sldChg chg="del">
        <pc:chgData name="Yonghwi Kwon" userId="70c25efda52b9d58" providerId="LiveId" clId="{A5F680FB-8D71-485C-A0D3-F542043E5E58}" dt="2019-09-11T06:48:31.699" v="3763" actId="2696"/>
        <pc:sldMkLst>
          <pc:docMk/>
          <pc:sldMk cId="3015433158" sldId="397"/>
        </pc:sldMkLst>
      </pc:sldChg>
      <pc:sldChg chg="del">
        <pc:chgData name="Yonghwi Kwon" userId="70c25efda52b9d58" providerId="LiveId" clId="{A5F680FB-8D71-485C-A0D3-F542043E5E58}" dt="2019-09-11T06:48:31.718" v="3764" actId="2696"/>
        <pc:sldMkLst>
          <pc:docMk/>
          <pc:sldMk cId="2204975875" sldId="398"/>
        </pc:sldMkLst>
      </pc:sldChg>
      <pc:sldChg chg="del">
        <pc:chgData name="Yonghwi Kwon" userId="70c25efda52b9d58" providerId="LiveId" clId="{A5F680FB-8D71-485C-A0D3-F542043E5E58}" dt="2019-09-11T06:48:31.733" v="3765" actId="2696"/>
        <pc:sldMkLst>
          <pc:docMk/>
          <pc:sldMk cId="884268280" sldId="399"/>
        </pc:sldMkLst>
      </pc:sldChg>
      <pc:sldChg chg="del">
        <pc:chgData name="Yonghwi Kwon" userId="70c25efda52b9d58" providerId="LiveId" clId="{A5F680FB-8D71-485C-A0D3-F542043E5E58}" dt="2019-09-11T06:48:31.763" v="3767" actId="2696"/>
        <pc:sldMkLst>
          <pc:docMk/>
          <pc:sldMk cId="2029391460" sldId="400"/>
        </pc:sldMkLst>
      </pc:sldChg>
      <pc:sldChg chg="del">
        <pc:chgData name="Yonghwi Kwon" userId="70c25efda52b9d58" providerId="LiveId" clId="{A5F680FB-8D71-485C-A0D3-F542043E5E58}" dt="2019-09-11T06:48:31.750" v="3766" actId="2696"/>
        <pc:sldMkLst>
          <pc:docMk/>
          <pc:sldMk cId="1378497209" sldId="401"/>
        </pc:sldMkLst>
      </pc:sldChg>
      <pc:sldChg chg="del">
        <pc:chgData name="Yonghwi Kwon" userId="70c25efda52b9d58" providerId="LiveId" clId="{A5F680FB-8D71-485C-A0D3-F542043E5E58}" dt="2019-09-11T06:48:31.782" v="3768" actId="2696"/>
        <pc:sldMkLst>
          <pc:docMk/>
          <pc:sldMk cId="558723322" sldId="402"/>
        </pc:sldMkLst>
      </pc:sldChg>
      <pc:sldChg chg="del">
        <pc:chgData name="Yonghwi Kwon" userId="70c25efda52b9d58" providerId="LiveId" clId="{A5F680FB-8D71-485C-A0D3-F542043E5E58}" dt="2019-09-11T06:48:31.811" v="3769" actId="2696"/>
        <pc:sldMkLst>
          <pc:docMk/>
          <pc:sldMk cId="308409771" sldId="403"/>
        </pc:sldMkLst>
      </pc:sldChg>
      <pc:sldChg chg="del">
        <pc:chgData name="Yonghwi Kwon" userId="70c25efda52b9d58" providerId="LiveId" clId="{A5F680FB-8D71-485C-A0D3-F542043E5E58}" dt="2019-09-11T06:48:31.834" v="3770" actId="2696"/>
        <pc:sldMkLst>
          <pc:docMk/>
          <pc:sldMk cId="268421685" sldId="404"/>
        </pc:sldMkLst>
      </pc:sldChg>
      <pc:sldChg chg="del">
        <pc:chgData name="Yonghwi Kwon" userId="70c25efda52b9d58" providerId="LiveId" clId="{A5F680FB-8D71-485C-A0D3-F542043E5E58}" dt="2019-09-11T06:48:31.912" v="3773" actId="2696"/>
        <pc:sldMkLst>
          <pc:docMk/>
          <pc:sldMk cId="488718649" sldId="405"/>
        </pc:sldMkLst>
      </pc:sldChg>
      <pc:sldChg chg="del">
        <pc:chgData name="Yonghwi Kwon" userId="70c25efda52b9d58" providerId="LiveId" clId="{A5F680FB-8D71-485C-A0D3-F542043E5E58}" dt="2019-09-11T06:48:31.865" v="3771" actId="2696"/>
        <pc:sldMkLst>
          <pc:docMk/>
          <pc:sldMk cId="692805459" sldId="407"/>
        </pc:sldMkLst>
      </pc:sldChg>
      <pc:sldChg chg="del">
        <pc:chgData name="Yonghwi Kwon" userId="70c25efda52b9d58" providerId="LiveId" clId="{A5F680FB-8D71-485C-A0D3-F542043E5E58}" dt="2019-09-11T06:48:31.881" v="3772" actId="2696"/>
        <pc:sldMkLst>
          <pc:docMk/>
          <pc:sldMk cId="618007829" sldId="408"/>
        </pc:sldMkLst>
      </pc:sldChg>
      <pc:sldChg chg="del">
        <pc:chgData name="Yonghwi Kwon" userId="70c25efda52b9d58" providerId="LiveId" clId="{A5F680FB-8D71-485C-A0D3-F542043E5E58}" dt="2019-09-11T06:48:31.959" v="3777" actId="2696"/>
        <pc:sldMkLst>
          <pc:docMk/>
          <pc:sldMk cId="3732984932" sldId="409"/>
        </pc:sldMkLst>
      </pc:sldChg>
      <pc:sldChg chg="del">
        <pc:chgData name="Yonghwi Kwon" userId="70c25efda52b9d58" providerId="LiveId" clId="{A5F680FB-8D71-485C-A0D3-F542043E5E58}" dt="2019-09-11T06:48:31.990" v="3778" actId="2696"/>
        <pc:sldMkLst>
          <pc:docMk/>
          <pc:sldMk cId="2152070179" sldId="410"/>
        </pc:sldMkLst>
      </pc:sldChg>
      <pc:sldChg chg="del">
        <pc:chgData name="Yonghwi Kwon" userId="70c25efda52b9d58" providerId="LiveId" clId="{A5F680FB-8D71-485C-A0D3-F542043E5E58}" dt="2019-09-11T06:48:32.022" v="3780" actId="2696"/>
        <pc:sldMkLst>
          <pc:docMk/>
          <pc:sldMk cId="3670418122" sldId="411"/>
        </pc:sldMkLst>
      </pc:sldChg>
      <pc:sldChg chg="del">
        <pc:chgData name="Yonghwi Kwon" userId="70c25efda52b9d58" providerId="LiveId" clId="{A5F680FB-8D71-485C-A0D3-F542043E5E58}" dt="2019-09-11T06:48:32.006" v="3779" actId="2696"/>
        <pc:sldMkLst>
          <pc:docMk/>
          <pc:sldMk cId="2134143684" sldId="412"/>
        </pc:sldMkLst>
      </pc:sldChg>
      <pc:sldChg chg="del">
        <pc:chgData name="Yonghwi Kwon" userId="70c25efda52b9d58" providerId="LiveId" clId="{A5F680FB-8D71-485C-A0D3-F542043E5E58}" dt="2019-09-11T06:48:32.037" v="3781" actId="2696"/>
        <pc:sldMkLst>
          <pc:docMk/>
          <pc:sldMk cId="3322685160" sldId="413"/>
        </pc:sldMkLst>
      </pc:sldChg>
      <pc:sldChg chg="del">
        <pc:chgData name="Yonghwi Kwon" userId="70c25efda52b9d58" providerId="LiveId" clId="{A5F680FB-8D71-485C-A0D3-F542043E5E58}" dt="2019-09-11T06:48:32.053" v="3782" actId="2696"/>
        <pc:sldMkLst>
          <pc:docMk/>
          <pc:sldMk cId="1950810301" sldId="414"/>
        </pc:sldMkLst>
      </pc:sldChg>
      <pc:sldChg chg="del">
        <pc:chgData name="Yonghwi Kwon" userId="70c25efda52b9d58" providerId="LiveId" clId="{A5F680FB-8D71-485C-A0D3-F542043E5E58}" dt="2019-09-11T06:48:32.068" v="3783" actId="2696"/>
        <pc:sldMkLst>
          <pc:docMk/>
          <pc:sldMk cId="3563992243" sldId="415"/>
        </pc:sldMkLst>
      </pc:sldChg>
      <pc:sldChg chg="del">
        <pc:chgData name="Yonghwi Kwon" userId="70c25efda52b9d58" providerId="LiveId" clId="{A5F680FB-8D71-485C-A0D3-F542043E5E58}" dt="2019-09-11T06:48:32.100" v="3784" actId="2696"/>
        <pc:sldMkLst>
          <pc:docMk/>
          <pc:sldMk cId="3701525304" sldId="416"/>
        </pc:sldMkLst>
      </pc:sldChg>
      <pc:sldChg chg="del">
        <pc:chgData name="Yonghwi Kwon" userId="70c25efda52b9d58" providerId="LiveId" clId="{A5F680FB-8D71-485C-A0D3-F542043E5E58}" dt="2019-09-11T06:48:32.131" v="3785" actId="2696"/>
        <pc:sldMkLst>
          <pc:docMk/>
          <pc:sldMk cId="134107084" sldId="418"/>
        </pc:sldMkLst>
      </pc:sldChg>
      <pc:sldChg chg="del">
        <pc:chgData name="Yonghwi Kwon" userId="70c25efda52b9d58" providerId="LiveId" clId="{A5F680FB-8D71-485C-A0D3-F542043E5E58}" dt="2019-09-11T06:48:32.147" v="3786" actId="2696"/>
        <pc:sldMkLst>
          <pc:docMk/>
          <pc:sldMk cId="527311831" sldId="419"/>
        </pc:sldMkLst>
      </pc:sldChg>
      <pc:sldChg chg="del">
        <pc:chgData name="Yonghwi Kwon" userId="70c25efda52b9d58" providerId="LiveId" clId="{A5F680FB-8D71-485C-A0D3-F542043E5E58}" dt="2019-09-11T06:48:32.178" v="3787" actId="2696"/>
        <pc:sldMkLst>
          <pc:docMk/>
          <pc:sldMk cId="932016176" sldId="420"/>
        </pc:sldMkLst>
      </pc:sldChg>
      <pc:sldChg chg="del">
        <pc:chgData name="Yonghwi Kwon" userId="70c25efda52b9d58" providerId="LiveId" clId="{A5F680FB-8D71-485C-A0D3-F542043E5E58}" dt="2019-09-11T06:48:32.193" v="3788" actId="2696"/>
        <pc:sldMkLst>
          <pc:docMk/>
          <pc:sldMk cId="154777889" sldId="421"/>
        </pc:sldMkLst>
      </pc:sldChg>
      <pc:sldChg chg="del">
        <pc:chgData name="Yonghwi Kwon" userId="70c25efda52b9d58" providerId="LiveId" clId="{A5F680FB-8D71-485C-A0D3-F542043E5E58}" dt="2019-09-11T06:48:32.209" v="3789" actId="2696"/>
        <pc:sldMkLst>
          <pc:docMk/>
          <pc:sldMk cId="2632164764" sldId="422"/>
        </pc:sldMkLst>
      </pc:sldChg>
      <pc:sldChg chg="del">
        <pc:chgData name="Yonghwi Kwon" userId="70c25efda52b9d58" providerId="LiveId" clId="{A5F680FB-8D71-485C-A0D3-F542043E5E58}" dt="2019-09-11T06:48:31.912" v="3774" actId="2696"/>
        <pc:sldMkLst>
          <pc:docMk/>
          <pc:sldMk cId="3725508077" sldId="423"/>
        </pc:sldMkLst>
      </pc:sldChg>
      <pc:sldChg chg="del">
        <pc:chgData name="Yonghwi Kwon" userId="70c25efda52b9d58" providerId="LiveId" clId="{A5F680FB-8D71-485C-A0D3-F542043E5E58}" dt="2019-09-11T06:48:31.928" v="3775" actId="2696"/>
        <pc:sldMkLst>
          <pc:docMk/>
          <pc:sldMk cId="352980640" sldId="424"/>
        </pc:sldMkLst>
      </pc:sldChg>
      <pc:sldChg chg="del">
        <pc:chgData name="Yonghwi Kwon" userId="70c25efda52b9d58" providerId="LiveId" clId="{A5F680FB-8D71-485C-A0D3-F542043E5E58}" dt="2019-09-11T06:48:31.943" v="3776" actId="2696"/>
        <pc:sldMkLst>
          <pc:docMk/>
          <pc:sldMk cId="1363007593" sldId="425"/>
        </pc:sldMkLst>
      </pc:sldChg>
      <pc:sldChg chg="modSp add del">
        <pc:chgData name="Yonghwi Kwon" userId="70c25efda52b9d58" providerId="LiveId" clId="{A5F680FB-8D71-485C-A0D3-F542043E5E58}" dt="2019-09-11T05:38:12.155" v="781" actId="2696"/>
        <pc:sldMkLst>
          <pc:docMk/>
          <pc:sldMk cId="1323803802" sldId="426"/>
        </pc:sldMkLst>
        <pc:spChg chg="mod">
          <ac:chgData name="Yonghwi Kwon" userId="70c25efda52b9d58" providerId="LiveId" clId="{A5F680FB-8D71-485C-A0D3-F542043E5E58}" dt="2019-09-11T05:38:10.169" v="780" actId="20577"/>
          <ac:spMkLst>
            <pc:docMk/>
            <pc:sldMk cId="1323803802" sldId="426"/>
            <ac:spMk id="2" creationId="{8EF0FAE3-07A8-4042-AF2B-A88ADC7E0BBC}"/>
          </ac:spMkLst>
        </pc:spChg>
      </pc:sldChg>
      <pc:sldChg chg="addSp delSp modSp add">
        <pc:chgData name="Yonghwi Kwon" userId="70c25efda52b9d58" providerId="LiveId" clId="{A5F680FB-8D71-485C-A0D3-F542043E5E58}" dt="2019-09-11T05:44:38.024" v="1022" actId="1076"/>
        <pc:sldMkLst>
          <pc:docMk/>
          <pc:sldMk cId="1952142753" sldId="426"/>
        </pc:sldMkLst>
        <pc:spChg chg="mod">
          <ac:chgData name="Yonghwi Kwon" userId="70c25efda52b9d58" providerId="LiveId" clId="{A5F680FB-8D71-485C-A0D3-F542043E5E58}" dt="2019-09-11T05:38:23.932" v="818" actId="20577"/>
          <ac:spMkLst>
            <pc:docMk/>
            <pc:sldMk cId="1952142753" sldId="426"/>
            <ac:spMk id="2" creationId="{39A60E9C-A868-4E91-BD2E-225417563BFD}"/>
          </ac:spMkLst>
        </pc:spChg>
        <pc:spChg chg="del">
          <ac:chgData name="Yonghwi Kwon" userId="70c25efda52b9d58" providerId="LiveId" clId="{A5F680FB-8D71-485C-A0D3-F542043E5E58}" dt="2019-09-11T05:39:05.063" v="820" actId="478"/>
          <ac:spMkLst>
            <pc:docMk/>
            <pc:sldMk cId="1952142753" sldId="426"/>
            <ac:spMk id="3" creationId="{E14EF264-0ACC-499C-8C6C-BB27713B61FD}"/>
          </ac:spMkLst>
        </pc:spChg>
        <pc:spChg chg="add del mod">
          <ac:chgData name="Yonghwi Kwon" userId="70c25efda52b9d58" providerId="LiveId" clId="{A5F680FB-8D71-485C-A0D3-F542043E5E58}" dt="2019-09-11T05:44:38.024" v="1022" actId="1076"/>
          <ac:spMkLst>
            <pc:docMk/>
            <pc:sldMk cId="1952142753" sldId="426"/>
            <ac:spMk id="5" creationId="{DF5D3AEE-745F-4556-9128-1F86F432A0CB}"/>
          </ac:spMkLst>
        </pc:spChg>
        <pc:spChg chg="add mod">
          <ac:chgData name="Yonghwi Kwon" userId="70c25efda52b9d58" providerId="LiveId" clId="{A5F680FB-8D71-485C-A0D3-F542043E5E58}" dt="2019-09-11T05:44:38.024" v="1022" actId="1076"/>
          <ac:spMkLst>
            <pc:docMk/>
            <pc:sldMk cId="1952142753" sldId="426"/>
            <ac:spMk id="8" creationId="{DBE900DE-5351-458B-95ED-9414E9A8222F}"/>
          </ac:spMkLst>
        </pc:spChg>
        <pc:spChg chg="add mod">
          <ac:chgData name="Yonghwi Kwon" userId="70c25efda52b9d58" providerId="LiveId" clId="{A5F680FB-8D71-485C-A0D3-F542043E5E58}" dt="2019-09-11T05:44:38.024" v="1022" actId="1076"/>
          <ac:spMkLst>
            <pc:docMk/>
            <pc:sldMk cId="1952142753" sldId="426"/>
            <ac:spMk id="10" creationId="{87496A0A-11A2-4359-85BD-860342DA3DA4}"/>
          </ac:spMkLst>
        </pc:spChg>
        <pc:spChg chg="add mod">
          <ac:chgData name="Yonghwi Kwon" userId="70c25efda52b9d58" providerId="LiveId" clId="{A5F680FB-8D71-485C-A0D3-F542043E5E58}" dt="2019-09-11T05:44:38.024" v="1022" actId="1076"/>
          <ac:spMkLst>
            <pc:docMk/>
            <pc:sldMk cId="1952142753" sldId="426"/>
            <ac:spMk id="13" creationId="{9FFD821D-F2D1-4148-866F-D6AB89BFB994}"/>
          </ac:spMkLst>
        </pc:spChg>
        <pc:spChg chg="add mod">
          <ac:chgData name="Yonghwi Kwon" userId="70c25efda52b9d58" providerId="LiveId" clId="{A5F680FB-8D71-485C-A0D3-F542043E5E58}" dt="2019-09-11T05:44:38.024" v="1022" actId="1076"/>
          <ac:spMkLst>
            <pc:docMk/>
            <pc:sldMk cId="1952142753" sldId="426"/>
            <ac:spMk id="15" creationId="{62C652DD-2939-4F75-BF29-9CB382B43F04}"/>
          </ac:spMkLst>
        </pc:spChg>
        <pc:spChg chg="add mod">
          <ac:chgData name="Yonghwi Kwon" userId="70c25efda52b9d58" providerId="LiveId" clId="{A5F680FB-8D71-485C-A0D3-F542043E5E58}" dt="2019-09-11T05:44:38.024" v="1022" actId="1076"/>
          <ac:spMkLst>
            <pc:docMk/>
            <pc:sldMk cId="1952142753" sldId="426"/>
            <ac:spMk id="16" creationId="{F2C5B971-29EA-4815-9DE5-7C6EC00A1B72}"/>
          </ac:spMkLst>
        </pc:spChg>
        <pc:picChg chg="add del mod">
          <ac:chgData name="Yonghwi Kwon" userId="70c25efda52b9d58" providerId="LiveId" clId="{A5F680FB-8D71-485C-A0D3-F542043E5E58}" dt="2019-09-11T05:41:40.943" v="937" actId="478"/>
          <ac:picMkLst>
            <pc:docMk/>
            <pc:sldMk cId="1952142753" sldId="426"/>
            <ac:picMk id="9" creationId="{C717A1D6-4A3B-486A-BABA-3F2EA36E5EAF}"/>
          </ac:picMkLst>
        </pc:picChg>
        <pc:picChg chg="add mod">
          <ac:chgData name="Yonghwi Kwon" userId="70c25efda52b9d58" providerId="LiveId" clId="{A5F680FB-8D71-485C-A0D3-F542043E5E58}" dt="2019-09-11T05:44:38.024" v="1022" actId="1076"/>
          <ac:picMkLst>
            <pc:docMk/>
            <pc:sldMk cId="1952142753" sldId="426"/>
            <ac:picMk id="1026" creationId="{AC636330-1705-483B-9AD6-7196AEF9A1AF}"/>
          </ac:picMkLst>
        </pc:picChg>
        <pc:picChg chg="add mod">
          <ac:chgData name="Yonghwi Kwon" userId="70c25efda52b9d58" providerId="LiveId" clId="{A5F680FB-8D71-485C-A0D3-F542043E5E58}" dt="2019-09-11T05:44:38.024" v="1022" actId="1076"/>
          <ac:picMkLst>
            <pc:docMk/>
            <pc:sldMk cId="1952142753" sldId="426"/>
            <ac:picMk id="1028" creationId="{52080B3B-9BFA-42B2-A7BA-DBE06F983071}"/>
          </ac:picMkLst>
        </pc:picChg>
        <pc:picChg chg="add mod">
          <ac:chgData name="Yonghwi Kwon" userId="70c25efda52b9d58" providerId="LiveId" clId="{A5F680FB-8D71-485C-A0D3-F542043E5E58}" dt="2019-09-11T05:44:38.024" v="1022" actId="1076"/>
          <ac:picMkLst>
            <pc:docMk/>
            <pc:sldMk cId="1952142753" sldId="426"/>
            <ac:picMk id="1030" creationId="{0F131F0A-4FD3-47B3-B339-129EA2AEB942}"/>
          </ac:picMkLst>
        </pc:picChg>
        <pc:picChg chg="add mod">
          <ac:chgData name="Yonghwi Kwon" userId="70c25efda52b9d58" providerId="LiveId" clId="{A5F680FB-8D71-485C-A0D3-F542043E5E58}" dt="2019-09-11T05:44:38.024" v="1022" actId="1076"/>
          <ac:picMkLst>
            <pc:docMk/>
            <pc:sldMk cId="1952142753" sldId="426"/>
            <ac:picMk id="1032" creationId="{B5F948EE-3E57-4787-9B33-87F62401BF1A}"/>
          </ac:picMkLst>
        </pc:picChg>
        <pc:picChg chg="add mod">
          <ac:chgData name="Yonghwi Kwon" userId="70c25efda52b9d58" providerId="LiveId" clId="{A5F680FB-8D71-485C-A0D3-F542043E5E58}" dt="2019-09-11T05:44:38.024" v="1022" actId="1076"/>
          <ac:picMkLst>
            <pc:docMk/>
            <pc:sldMk cId="1952142753" sldId="426"/>
            <ac:picMk id="1034" creationId="{B0114F35-0230-4404-8881-F4BD3DD00369}"/>
          </ac:picMkLst>
        </pc:picChg>
      </pc:sldChg>
      <pc:sldChg chg="addSp delSp modSp add">
        <pc:chgData name="Yonghwi Kwon" userId="70c25efda52b9d58" providerId="LiveId" clId="{A5F680FB-8D71-485C-A0D3-F542043E5E58}" dt="2019-09-11T05:55:55.614" v="1365" actId="20577"/>
        <pc:sldMkLst>
          <pc:docMk/>
          <pc:sldMk cId="1524959569" sldId="427"/>
        </pc:sldMkLst>
        <pc:spChg chg="mod">
          <ac:chgData name="Yonghwi Kwon" userId="70c25efda52b9d58" providerId="LiveId" clId="{A5F680FB-8D71-485C-A0D3-F542043E5E58}" dt="2019-09-11T05:55:55.614" v="1365" actId="20577"/>
          <ac:spMkLst>
            <pc:docMk/>
            <pc:sldMk cId="1524959569" sldId="427"/>
            <ac:spMk id="2" creationId="{9AFC32DB-7AA0-43AE-BB43-0D9EF47443DE}"/>
          </ac:spMkLst>
        </pc:spChg>
        <pc:spChg chg="mod">
          <ac:chgData name="Yonghwi Kwon" userId="70c25efda52b9d58" providerId="LiveId" clId="{A5F680FB-8D71-485C-A0D3-F542043E5E58}" dt="2019-09-11T05:54:38.921" v="1338" actId="20577"/>
          <ac:spMkLst>
            <pc:docMk/>
            <pc:sldMk cId="1524959569" sldId="427"/>
            <ac:spMk id="3" creationId="{2F93801E-E21A-4694-AAEB-6783E7BD0EDA}"/>
          </ac:spMkLst>
        </pc:spChg>
        <pc:spChg chg="add del">
          <ac:chgData name="Yonghwi Kwon" userId="70c25efda52b9d58" providerId="LiveId" clId="{A5F680FB-8D71-485C-A0D3-F542043E5E58}" dt="2019-09-11T05:54:01.030" v="1331"/>
          <ac:spMkLst>
            <pc:docMk/>
            <pc:sldMk cId="1524959569" sldId="427"/>
            <ac:spMk id="5" creationId="{729C3DD9-C8B1-4F8B-9F84-D16784451AC0}"/>
          </ac:spMkLst>
        </pc:spChg>
        <pc:spChg chg="add mod">
          <ac:chgData name="Yonghwi Kwon" userId="70c25efda52b9d58" providerId="LiveId" clId="{A5F680FB-8D71-485C-A0D3-F542043E5E58}" dt="2019-09-11T05:54:36.726" v="1337" actId="1076"/>
          <ac:spMkLst>
            <pc:docMk/>
            <pc:sldMk cId="1524959569" sldId="427"/>
            <ac:spMk id="6" creationId="{3339F73E-0C3A-43D5-9D3D-C9A76939D261}"/>
          </ac:spMkLst>
        </pc:spChg>
        <pc:picChg chg="add mod">
          <ac:chgData name="Yonghwi Kwon" userId="70c25efda52b9d58" providerId="LiveId" clId="{A5F680FB-8D71-485C-A0D3-F542043E5E58}" dt="2019-09-11T05:45:22.342" v="1037" actId="1076"/>
          <ac:picMkLst>
            <pc:docMk/>
            <pc:sldMk cId="1524959569" sldId="427"/>
            <ac:picMk id="2050" creationId="{6BFB4F87-3EC1-4672-A517-A920DC56307F}"/>
          </ac:picMkLst>
        </pc:picChg>
      </pc:sldChg>
      <pc:sldChg chg="addSp modSp add">
        <pc:chgData name="Yonghwi Kwon" userId="70c25efda52b9d58" providerId="LiveId" clId="{A5F680FB-8D71-485C-A0D3-F542043E5E58}" dt="2019-09-11T05:57:53.723" v="1406" actId="1076"/>
        <pc:sldMkLst>
          <pc:docMk/>
          <pc:sldMk cId="4245345723" sldId="428"/>
        </pc:sldMkLst>
        <pc:spChg chg="mod">
          <ac:chgData name="Yonghwi Kwon" userId="70c25efda52b9d58" providerId="LiveId" clId="{A5F680FB-8D71-485C-A0D3-F542043E5E58}" dt="2019-09-11T05:56:20.954" v="1397" actId="20577"/>
          <ac:spMkLst>
            <pc:docMk/>
            <pc:sldMk cId="4245345723" sldId="428"/>
            <ac:spMk id="2" creationId="{AF45F707-4F45-47C1-A3BB-F57716EB7AF7}"/>
          </ac:spMkLst>
        </pc:spChg>
        <pc:picChg chg="add mod">
          <ac:chgData name="Yonghwi Kwon" userId="70c25efda52b9d58" providerId="LiveId" clId="{A5F680FB-8D71-485C-A0D3-F542043E5E58}" dt="2019-09-11T05:57:53.723" v="1406" actId="1076"/>
          <ac:picMkLst>
            <pc:docMk/>
            <pc:sldMk cId="4245345723" sldId="428"/>
            <ac:picMk id="3074" creationId="{BC95F648-C971-44A7-AB7D-7A7EF52D4ACD}"/>
          </ac:picMkLst>
        </pc:picChg>
        <pc:picChg chg="add mod">
          <ac:chgData name="Yonghwi Kwon" userId="70c25efda52b9d58" providerId="LiveId" clId="{A5F680FB-8D71-485C-A0D3-F542043E5E58}" dt="2019-09-11T05:57:53.723" v="1406" actId="1076"/>
          <ac:picMkLst>
            <pc:docMk/>
            <pc:sldMk cId="4245345723" sldId="428"/>
            <ac:picMk id="3076" creationId="{4C8270D3-826F-4030-9C67-AA27587287DF}"/>
          </ac:picMkLst>
        </pc:picChg>
      </pc:sldChg>
      <pc:sldChg chg="addSp modSp add">
        <pc:chgData name="Yonghwi Kwon" userId="70c25efda52b9d58" providerId="LiveId" clId="{A5F680FB-8D71-485C-A0D3-F542043E5E58}" dt="2019-09-11T06:05:35.356" v="1830" actId="20577"/>
        <pc:sldMkLst>
          <pc:docMk/>
          <pc:sldMk cId="1483420561" sldId="429"/>
        </pc:sldMkLst>
        <pc:spChg chg="mod">
          <ac:chgData name="Yonghwi Kwon" userId="70c25efda52b9d58" providerId="LiveId" clId="{A5F680FB-8D71-485C-A0D3-F542043E5E58}" dt="2019-09-11T06:00:05.487" v="1451" actId="20577"/>
          <ac:spMkLst>
            <pc:docMk/>
            <pc:sldMk cId="1483420561" sldId="429"/>
            <ac:spMk id="2" creationId="{DADF2F17-2D18-44B9-843F-9FF0FE25F82B}"/>
          </ac:spMkLst>
        </pc:spChg>
        <pc:spChg chg="mod">
          <ac:chgData name="Yonghwi Kwon" userId="70c25efda52b9d58" providerId="LiveId" clId="{A5F680FB-8D71-485C-A0D3-F542043E5E58}" dt="2019-09-11T06:05:35.356" v="1830" actId="20577"/>
          <ac:spMkLst>
            <pc:docMk/>
            <pc:sldMk cId="1483420561" sldId="429"/>
            <ac:spMk id="3" creationId="{E5B2D5B1-F40D-4E38-93E7-4D5EABFC8E0A}"/>
          </ac:spMkLst>
        </pc:spChg>
        <pc:picChg chg="add mod">
          <ac:chgData name="Yonghwi Kwon" userId="70c25efda52b9d58" providerId="LiveId" clId="{A5F680FB-8D71-485C-A0D3-F542043E5E58}" dt="2019-09-11T06:00:15.023" v="1454" actId="1076"/>
          <ac:picMkLst>
            <pc:docMk/>
            <pc:sldMk cId="1483420561" sldId="429"/>
            <ac:picMk id="4098" creationId="{3EB90842-D0EE-4819-B330-E93AB5F12FA8}"/>
          </ac:picMkLst>
        </pc:picChg>
      </pc:sldChg>
      <pc:sldChg chg="addSp delSp modSp add">
        <pc:chgData name="Yonghwi Kwon" userId="70c25efda52b9d58" providerId="LiveId" clId="{A5F680FB-8D71-485C-A0D3-F542043E5E58}" dt="2019-09-11T06:35:40.780" v="2122" actId="20577"/>
        <pc:sldMkLst>
          <pc:docMk/>
          <pc:sldMk cId="354550068" sldId="430"/>
        </pc:sldMkLst>
        <pc:spChg chg="mod">
          <ac:chgData name="Yonghwi Kwon" userId="70c25efda52b9d58" providerId="LiveId" clId="{A5F680FB-8D71-485C-A0D3-F542043E5E58}" dt="2019-09-11T06:35:40.780" v="2122" actId="20577"/>
          <ac:spMkLst>
            <pc:docMk/>
            <pc:sldMk cId="354550068" sldId="430"/>
            <ac:spMk id="2" creationId="{E6902976-C01E-470E-B6B2-B2EB80701F44}"/>
          </ac:spMkLst>
        </pc:spChg>
        <pc:spChg chg="del">
          <ac:chgData name="Yonghwi Kwon" userId="70c25efda52b9d58" providerId="LiveId" clId="{A5F680FB-8D71-485C-A0D3-F542043E5E58}" dt="2019-09-11T06:14:22.809" v="1945" actId="478"/>
          <ac:spMkLst>
            <pc:docMk/>
            <pc:sldMk cId="354550068" sldId="430"/>
            <ac:spMk id="3" creationId="{4227A22F-3946-4B90-8ABD-A5B4523C00D5}"/>
          </ac:spMkLst>
        </pc:spChg>
        <pc:spChg chg="add del mod">
          <ac:chgData name="Yonghwi Kwon" userId="70c25efda52b9d58" providerId="LiveId" clId="{A5F680FB-8D71-485C-A0D3-F542043E5E58}" dt="2019-09-11T06:13:14.121" v="1936" actId="478"/>
          <ac:spMkLst>
            <pc:docMk/>
            <pc:sldMk cId="354550068" sldId="430"/>
            <ac:spMk id="5" creationId="{A3CA6B45-4EE7-49D6-87B7-BBA26080B866}"/>
          </ac:spMkLst>
        </pc:spChg>
        <pc:spChg chg="add mod">
          <ac:chgData name="Yonghwi Kwon" userId="70c25efda52b9d58" providerId="LiveId" clId="{A5F680FB-8D71-485C-A0D3-F542043E5E58}" dt="2019-09-11T06:12:15.294" v="1926" actId="571"/>
          <ac:spMkLst>
            <pc:docMk/>
            <pc:sldMk cId="354550068" sldId="430"/>
            <ac:spMk id="15" creationId="{7F9C48DF-FE0D-4BAE-A020-1E49DF4461FC}"/>
          </ac:spMkLst>
        </pc:spChg>
        <pc:spChg chg="add del mod">
          <ac:chgData name="Yonghwi Kwon" userId="70c25efda52b9d58" providerId="LiveId" clId="{A5F680FB-8D71-485C-A0D3-F542043E5E58}" dt="2019-09-11T06:13:14.121" v="1936" actId="478"/>
          <ac:spMkLst>
            <pc:docMk/>
            <pc:sldMk cId="354550068" sldId="430"/>
            <ac:spMk id="16" creationId="{8F7FBA67-72B0-4FC1-9860-692232636E3C}"/>
          </ac:spMkLst>
        </pc:spChg>
        <pc:spChg chg="add del mod">
          <ac:chgData name="Yonghwi Kwon" userId="70c25efda52b9d58" providerId="LiveId" clId="{A5F680FB-8D71-485C-A0D3-F542043E5E58}" dt="2019-09-11T06:13:14.121" v="1936" actId="478"/>
          <ac:spMkLst>
            <pc:docMk/>
            <pc:sldMk cId="354550068" sldId="430"/>
            <ac:spMk id="17" creationId="{203E4ED9-0A0A-400F-8B2D-AA1B93E24BC4}"/>
          </ac:spMkLst>
        </pc:spChg>
        <pc:spChg chg="add del">
          <ac:chgData name="Yonghwi Kwon" userId="70c25efda52b9d58" providerId="LiveId" clId="{A5F680FB-8D71-485C-A0D3-F542043E5E58}" dt="2019-09-11T06:13:04.261" v="1935" actId="478"/>
          <ac:spMkLst>
            <pc:docMk/>
            <pc:sldMk cId="354550068" sldId="430"/>
            <ac:spMk id="18" creationId="{E7EA2883-9E34-40C9-B98B-BDF651DFBAE8}"/>
          </ac:spMkLst>
        </pc:spChg>
        <pc:spChg chg="add mod">
          <ac:chgData name="Yonghwi Kwon" userId="70c25efda52b9d58" providerId="LiveId" clId="{A5F680FB-8D71-485C-A0D3-F542043E5E58}" dt="2019-09-11T06:12:58.593" v="1934" actId="571"/>
          <ac:spMkLst>
            <pc:docMk/>
            <pc:sldMk cId="354550068" sldId="430"/>
            <ac:spMk id="19" creationId="{FEB65A08-8A57-4335-BEE4-2B8D7CED646B}"/>
          </ac:spMkLst>
        </pc:spChg>
        <pc:picChg chg="add mod">
          <ac:chgData name="Yonghwi Kwon" userId="70c25efda52b9d58" providerId="LiveId" clId="{A5F680FB-8D71-485C-A0D3-F542043E5E58}" dt="2019-09-11T06:12:15.294" v="1926" actId="571"/>
          <ac:picMkLst>
            <pc:docMk/>
            <pc:sldMk cId="354550068" sldId="430"/>
            <ac:picMk id="14" creationId="{2375119A-2740-48C0-847E-EAE4F3D1C344}"/>
          </ac:picMkLst>
        </pc:picChg>
        <pc:picChg chg="add del">
          <ac:chgData name="Yonghwi Kwon" userId="70c25efda52b9d58" providerId="LiveId" clId="{A5F680FB-8D71-485C-A0D3-F542043E5E58}" dt="2019-09-11T06:06:20.702" v="1833" actId="478"/>
          <ac:picMkLst>
            <pc:docMk/>
            <pc:sldMk cId="354550068" sldId="430"/>
            <ac:picMk id="5122" creationId="{E630DB03-F478-4CB8-AB19-D7878DB53A70}"/>
          </ac:picMkLst>
        </pc:picChg>
        <pc:picChg chg="add del mod">
          <ac:chgData name="Yonghwi Kwon" userId="70c25efda52b9d58" providerId="LiveId" clId="{A5F680FB-8D71-485C-A0D3-F542043E5E58}" dt="2019-09-11T06:07:12.154" v="1836" actId="478"/>
          <ac:picMkLst>
            <pc:docMk/>
            <pc:sldMk cId="354550068" sldId="430"/>
            <ac:picMk id="5124" creationId="{52AB76D2-9330-4DCD-9DF7-5E74255ADB4B}"/>
          </ac:picMkLst>
        </pc:picChg>
        <pc:picChg chg="add mod">
          <ac:chgData name="Yonghwi Kwon" userId="70c25efda52b9d58" providerId="LiveId" clId="{A5F680FB-8D71-485C-A0D3-F542043E5E58}" dt="2019-09-11T06:11:53.109" v="1919" actId="1076"/>
          <ac:picMkLst>
            <pc:docMk/>
            <pc:sldMk cId="354550068" sldId="430"/>
            <ac:picMk id="5126" creationId="{E76F6F39-8073-48D6-9824-CC27F794232D}"/>
          </ac:picMkLst>
        </pc:picChg>
        <pc:picChg chg="add del mod">
          <ac:chgData name="Yonghwi Kwon" userId="70c25efda52b9d58" providerId="LiveId" clId="{A5F680FB-8D71-485C-A0D3-F542043E5E58}" dt="2019-09-11T06:13:14.121" v="1936" actId="478"/>
          <ac:picMkLst>
            <pc:docMk/>
            <pc:sldMk cId="354550068" sldId="430"/>
            <ac:picMk id="5128" creationId="{6149941A-4FC7-4CBF-8BE9-4BAA18541874}"/>
          </ac:picMkLst>
        </pc:picChg>
        <pc:picChg chg="add del">
          <ac:chgData name="Yonghwi Kwon" userId="70c25efda52b9d58" providerId="LiveId" clId="{A5F680FB-8D71-485C-A0D3-F542043E5E58}" dt="2019-09-11T06:10:34.431" v="1907"/>
          <ac:picMkLst>
            <pc:docMk/>
            <pc:sldMk cId="354550068" sldId="430"/>
            <ac:picMk id="5130" creationId="{FDD3220F-4445-4776-A619-04566B3B1A8D}"/>
          </ac:picMkLst>
        </pc:picChg>
        <pc:picChg chg="add del">
          <ac:chgData name="Yonghwi Kwon" userId="70c25efda52b9d58" providerId="LiveId" clId="{A5F680FB-8D71-485C-A0D3-F542043E5E58}" dt="2019-09-11T06:11:00.685" v="1909" actId="478"/>
          <ac:picMkLst>
            <pc:docMk/>
            <pc:sldMk cId="354550068" sldId="430"/>
            <ac:picMk id="5132" creationId="{4717ACE3-602F-458B-8B02-8595A2DE7065}"/>
          </ac:picMkLst>
        </pc:picChg>
        <pc:picChg chg="add del">
          <ac:chgData name="Yonghwi Kwon" userId="70c25efda52b9d58" providerId="LiveId" clId="{A5F680FB-8D71-485C-A0D3-F542043E5E58}" dt="2019-09-11T06:11:09.166" v="1911" actId="478"/>
          <ac:picMkLst>
            <pc:docMk/>
            <pc:sldMk cId="354550068" sldId="430"/>
            <ac:picMk id="5134" creationId="{5812EFB9-D71E-49F1-8DDE-D496C7DD1DB2}"/>
          </ac:picMkLst>
        </pc:picChg>
        <pc:picChg chg="add del">
          <ac:chgData name="Yonghwi Kwon" userId="70c25efda52b9d58" providerId="LiveId" clId="{A5F680FB-8D71-485C-A0D3-F542043E5E58}" dt="2019-09-11T06:11:34.370" v="1913" actId="478"/>
          <ac:picMkLst>
            <pc:docMk/>
            <pc:sldMk cId="354550068" sldId="430"/>
            <ac:picMk id="5136" creationId="{4E7412F0-74F7-4368-8AFB-08C39E7BFC82}"/>
          </ac:picMkLst>
        </pc:picChg>
        <pc:picChg chg="add mod">
          <ac:chgData name="Yonghwi Kwon" userId="70c25efda52b9d58" providerId="LiveId" clId="{A5F680FB-8D71-485C-A0D3-F542043E5E58}" dt="2019-09-11T06:13:58.461" v="1940" actId="1076"/>
          <ac:picMkLst>
            <pc:docMk/>
            <pc:sldMk cId="354550068" sldId="430"/>
            <ac:picMk id="5138" creationId="{AF077DD8-74CE-42AE-BA04-4B2712CA831C}"/>
          </ac:picMkLst>
        </pc:picChg>
        <pc:picChg chg="add mod">
          <ac:chgData name="Yonghwi Kwon" userId="70c25efda52b9d58" providerId="LiveId" clId="{A5F680FB-8D71-485C-A0D3-F542043E5E58}" dt="2019-09-11T06:14:25.430" v="1946" actId="1076"/>
          <ac:picMkLst>
            <pc:docMk/>
            <pc:sldMk cId="354550068" sldId="430"/>
            <ac:picMk id="5140" creationId="{C3340F5F-DFEB-4C64-969F-0D536B7F886B}"/>
          </ac:picMkLst>
        </pc:picChg>
        <pc:picChg chg="add mod">
          <ac:chgData name="Yonghwi Kwon" userId="70c25efda52b9d58" providerId="LiveId" clId="{A5F680FB-8D71-485C-A0D3-F542043E5E58}" dt="2019-09-11T06:14:45.404" v="1949" actId="1076"/>
          <ac:picMkLst>
            <pc:docMk/>
            <pc:sldMk cId="354550068" sldId="430"/>
            <ac:picMk id="5142" creationId="{8A255828-8F99-405C-98ED-EB3D9B90A3BA}"/>
          </ac:picMkLst>
        </pc:picChg>
        <pc:picChg chg="add del mod">
          <ac:chgData name="Yonghwi Kwon" userId="70c25efda52b9d58" providerId="LiveId" clId="{A5F680FB-8D71-485C-A0D3-F542043E5E58}" dt="2019-09-11T06:15:18.488" v="1952" actId="478"/>
          <ac:picMkLst>
            <pc:docMk/>
            <pc:sldMk cId="354550068" sldId="430"/>
            <ac:picMk id="5144" creationId="{F21FC865-BB59-4C3A-9642-3F79370BEF9A}"/>
          </ac:picMkLst>
        </pc:picChg>
      </pc:sldChg>
      <pc:sldChg chg="addSp delSp modSp add">
        <pc:chgData name="Yonghwi Kwon" userId="70c25efda52b9d58" providerId="LiveId" clId="{A5F680FB-8D71-485C-A0D3-F542043E5E58}" dt="2019-09-11T06:41:51.748" v="2597" actId="20577"/>
        <pc:sldMkLst>
          <pc:docMk/>
          <pc:sldMk cId="1500144955" sldId="431"/>
        </pc:sldMkLst>
        <pc:spChg chg="mod">
          <ac:chgData name="Yonghwi Kwon" userId="70c25efda52b9d58" providerId="LiveId" clId="{A5F680FB-8D71-485C-A0D3-F542043E5E58}" dt="2019-09-11T06:36:16.195" v="2159" actId="20577"/>
          <ac:spMkLst>
            <pc:docMk/>
            <pc:sldMk cId="1500144955" sldId="431"/>
            <ac:spMk id="2" creationId="{FF560E39-0E31-4E6A-9553-EBECBD6E59B8}"/>
          </ac:spMkLst>
        </pc:spChg>
        <pc:spChg chg="mod">
          <ac:chgData name="Yonghwi Kwon" userId="70c25efda52b9d58" providerId="LiveId" clId="{A5F680FB-8D71-485C-A0D3-F542043E5E58}" dt="2019-09-11T06:41:51.748" v="2597" actId="20577"/>
          <ac:spMkLst>
            <pc:docMk/>
            <pc:sldMk cId="1500144955" sldId="431"/>
            <ac:spMk id="3" creationId="{92D12A72-C64C-4F66-A2A9-332D3E7376AB}"/>
          </ac:spMkLst>
        </pc:spChg>
        <pc:picChg chg="add del">
          <ac:chgData name="Yonghwi Kwon" userId="70c25efda52b9d58" providerId="LiveId" clId="{A5F680FB-8D71-485C-A0D3-F542043E5E58}" dt="2019-09-11T06:38:00.295" v="2264" actId="478"/>
          <ac:picMkLst>
            <pc:docMk/>
            <pc:sldMk cId="1500144955" sldId="431"/>
            <ac:picMk id="5" creationId="{CCEE5EBD-BC2B-4818-A4A6-EAC40CDF098B}"/>
          </ac:picMkLst>
        </pc:picChg>
        <pc:picChg chg="add mod">
          <ac:chgData name="Yonghwi Kwon" userId="70c25efda52b9d58" providerId="LiveId" clId="{A5F680FB-8D71-485C-A0D3-F542043E5E58}" dt="2019-09-11T06:41:03.734" v="2543" actId="14100"/>
          <ac:picMkLst>
            <pc:docMk/>
            <pc:sldMk cId="1500144955" sldId="431"/>
            <ac:picMk id="6" creationId="{2B4CA3C4-D126-4BD2-994D-6969493A7D9C}"/>
          </ac:picMkLst>
        </pc:picChg>
      </pc:sldChg>
      <pc:sldChg chg="modSp add">
        <pc:chgData name="Yonghwi Kwon" userId="70c25efda52b9d58" providerId="LiveId" clId="{A5F680FB-8D71-485C-A0D3-F542043E5E58}" dt="2019-09-11T06:48:03.708" v="3754" actId="20577"/>
        <pc:sldMkLst>
          <pc:docMk/>
          <pc:sldMk cId="3834424482" sldId="432"/>
        </pc:sldMkLst>
        <pc:spChg chg="mod">
          <ac:chgData name="Yonghwi Kwon" userId="70c25efda52b9d58" providerId="LiveId" clId="{A5F680FB-8D71-485C-A0D3-F542043E5E58}" dt="2019-09-11T06:42:13.443" v="2624" actId="20577"/>
          <ac:spMkLst>
            <pc:docMk/>
            <pc:sldMk cId="3834424482" sldId="432"/>
            <ac:spMk id="2" creationId="{04A5B110-9069-4F95-A316-BAA87073AFEC}"/>
          </ac:spMkLst>
        </pc:spChg>
        <pc:spChg chg="mod">
          <ac:chgData name="Yonghwi Kwon" userId="70c25efda52b9d58" providerId="LiveId" clId="{A5F680FB-8D71-485C-A0D3-F542043E5E58}" dt="2019-09-11T06:48:03.708" v="3754" actId="20577"/>
          <ac:spMkLst>
            <pc:docMk/>
            <pc:sldMk cId="3834424482" sldId="432"/>
            <ac:spMk id="3" creationId="{4251A904-8446-42A5-9B3E-61C0F36834DE}"/>
          </ac:spMkLst>
        </pc:spChg>
      </pc:sldChg>
      <pc:sldChg chg="modSp">
        <pc:chgData name="Yonghwi Kwon" userId="70c25efda52b9d58" providerId="LiveId" clId="{A5F680FB-8D71-485C-A0D3-F542043E5E58}" dt="2019-09-23T16:33:33.943" v="3790" actId="1076"/>
        <pc:sldMkLst>
          <pc:docMk/>
          <pc:sldMk cId="677223643" sldId="445"/>
        </pc:sldMkLst>
        <pc:picChg chg="mod">
          <ac:chgData name="Yonghwi Kwon" userId="70c25efda52b9d58" providerId="LiveId" clId="{A5F680FB-8D71-485C-A0D3-F542043E5E58}" dt="2019-09-23T16:33:33.943" v="3790" actId="1076"/>
          <ac:picMkLst>
            <pc:docMk/>
            <pc:sldMk cId="677223643" sldId="445"/>
            <ac:picMk id="18" creationId="{AF077DD8-74CE-42AE-BA04-4B2712CA831C}"/>
          </ac:picMkLst>
        </pc:picChg>
        <pc:picChg chg="mod">
          <ac:chgData name="Yonghwi Kwon" userId="70c25efda52b9d58" providerId="LiveId" clId="{A5F680FB-8D71-485C-A0D3-F542043E5E58}" dt="2019-09-23T16:33:33.943" v="3790" actId="1076"/>
          <ac:picMkLst>
            <pc:docMk/>
            <pc:sldMk cId="677223643" sldId="445"/>
            <ac:picMk id="2054" creationId="{00000000-0000-0000-0000-000000000000}"/>
          </ac:picMkLst>
        </pc:picChg>
        <pc:picChg chg="mod">
          <ac:chgData name="Yonghwi Kwon" userId="70c25efda52b9d58" providerId="LiveId" clId="{A5F680FB-8D71-485C-A0D3-F542043E5E58}" dt="2019-09-23T16:33:33.943" v="3790" actId="1076"/>
          <ac:picMkLst>
            <pc:docMk/>
            <pc:sldMk cId="677223643" sldId="445"/>
            <ac:picMk id="2062" creationId="{00000000-0000-0000-0000-000000000000}"/>
          </ac:picMkLst>
        </pc:picChg>
        <pc:picChg chg="mod">
          <ac:chgData name="Yonghwi Kwon" userId="70c25efda52b9d58" providerId="LiveId" clId="{A5F680FB-8D71-485C-A0D3-F542043E5E58}" dt="2019-09-23T16:33:33.943" v="3790" actId="1076"/>
          <ac:picMkLst>
            <pc:docMk/>
            <pc:sldMk cId="677223643" sldId="445"/>
            <ac:picMk id="2064" creationId="{00000000-0000-0000-0000-000000000000}"/>
          </ac:picMkLst>
        </pc:picChg>
        <pc:picChg chg="mod">
          <ac:chgData name="Yonghwi Kwon" userId="70c25efda52b9d58" providerId="LiveId" clId="{A5F680FB-8D71-485C-A0D3-F542043E5E58}" dt="2019-09-23T16:33:33.943" v="3790" actId="1076"/>
          <ac:picMkLst>
            <pc:docMk/>
            <pc:sldMk cId="677223643" sldId="445"/>
            <ac:picMk id="2068" creationId="{00000000-0000-0000-0000-000000000000}"/>
          </ac:picMkLst>
        </pc:picChg>
        <pc:picChg chg="mod">
          <ac:chgData name="Yonghwi Kwon" userId="70c25efda52b9d58" providerId="LiveId" clId="{A5F680FB-8D71-485C-A0D3-F542043E5E58}" dt="2019-09-23T16:33:33.943" v="3790" actId="1076"/>
          <ac:picMkLst>
            <pc:docMk/>
            <pc:sldMk cId="677223643" sldId="445"/>
            <ac:picMk id="2070" creationId="{00000000-0000-0000-0000-000000000000}"/>
          </ac:picMkLst>
        </pc:picChg>
        <pc:picChg chg="mod">
          <ac:chgData name="Yonghwi Kwon" userId="70c25efda52b9d58" providerId="LiveId" clId="{A5F680FB-8D71-485C-A0D3-F542043E5E58}" dt="2019-09-23T16:33:33.943" v="3790" actId="1076"/>
          <ac:picMkLst>
            <pc:docMk/>
            <pc:sldMk cId="677223643" sldId="445"/>
            <ac:picMk id="2074" creationId="{00000000-0000-0000-0000-000000000000}"/>
          </ac:picMkLst>
        </pc:picChg>
        <pc:picChg chg="mod">
          <ac:chgData name="Yonghwi Kwon" userId="70c25efda52b9d58" providerId="LiveId" clId="{A5F680FB-8D71-485C-A0D3-F542043E5E58}" dt="2019-09-23T16:33:33.943" v="3790" actId="1076"/>
          <ac:picMkLst>
            <pc:docMk/>
            <pc:sldMk cId="677223643" sldId="445"/>
            <ac:picMk id="2078" creationId="{00000000-0000-0000-0000-000000000000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8CCCE0-97B9-412A-9C26-4D0AA84782CC}" type="datetimeFigureOut">
              <a:rPr lang="en-US" smtClean="0"/>
              <a:t>3/2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60BA532-CCD0-42B1-A9DC-E105517E05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78357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0BA532-CCD0-42B1-A9DC-E105517E053B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44958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0BA532-CCD0-42B1-A9DC-E105517E053B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325926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0BA532-CCD0-42B1-A9DC-E105517E053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680652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0BA532-CCD0-42B1-A9DC-E105517E053B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50700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0BA532-CCD0-42B1-A9DC-E105517E053B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49137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0BA532-CCD0-42B1-A9DC-E105517E053B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794721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0BA532-CCD0-42B1-A9DC-E105517E053B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276909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0BA532-CCD0-42B1-A9DC-E105517E053B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642419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7683E7-C620-E748-99E0-5BD7BFF9FD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08C8C19-B7EA-BE4B-A091-CE56E8E3E8D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5C543D-1950-F449-A804-3432B7D51D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61A07F-F4ED-4EE9-8DBF-A368B11B96C5}" type="datetime1">
              <a:rPr lang="en-US" smtClean="0"/>
              <a:t>3/2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77E1E9-372D-2B46-B4CC-AC1FC98BCF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B7F9435-7BA0-2647-B2FC-C684E90E38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54171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D4B5BF-AC42-AB45-BD68-164C649C0F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0407E33-7B4E-1C41-9559-3728F180C96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5BC754-57B5-0142-BFF6-D8D10B3065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4958F4-36A7-4042-9C49-9204B8F82A4D}" type="datetime1">
              <a:rPr lang="en-US" smtClean="0"/>
              <a:t>3/2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971AA49-D6BB-DC4C-9E86-AE23EAB30E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13E92D-1D30-8E4E-97FC-6201DCCA21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084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DFE30F1-1DDC-F744-B4F2-CE5DB566FCA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8F1F688-548E-DA43-B0D0-956B27D9C62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D98F31D-1BDC-7649-B6A5-6D41C4B2A1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9D01B3-0A61-43C8-AD3D-F1764CAA1C7A}" type="datetime1">
              <a:rPr lang="en-US" smtClean="0"/>
              <a:t>3/2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2039FE1-411F-824C-9014-5E6A77D37F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6D77488-EDD5-3F43-95F5-C362C88DDF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11097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4817B384-9B8B-D94E-AD35-E127A5587572}"/>
              </a:ext>
            </a:extLst>
          </p:cNvPr>
          <p:cNvSpPr/>
          <p:nvPr userDrawn="1"/>
        </p:nvSpPr>
        <p:spPr>
          <a:xfrm>
            <a:off x="0" y="0"/>
            <a:ext cx="12192000" cy="1016876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EDB5338-D1BE-E841-A6D4-B19C1ADA57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11624"/>
            <a:ext cx="10515600" cy="853362"/>
          </a:xfrm>
        </p:spPr>
        <p:txBody>
          <a:bodyPr/>
          <a:lstStyle>
            <a:lvl1pPr algn="l">
              <a:defRPr b="1">
                <a:latin typeface="Saira SemiCondensed Medium" panose="00000606000000000000" pitchFamily="2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1BCA556-4082-5549-8DF5-DA9851D3217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194239"/>
            <a:ext cx="10515600" cy="5162110"/>
          </a:xfrm>
        </p:spPr>
        <p:txBody>
          <a:bodyPr/>
          <a:lstStyle>
            <a:lvl1pPr>
              <a:lnSpc>
                <a:spcPct val="100000"/>
              </a:lnSpc>
              <a:defRPr>
                <a:latin typeface="Saira SemiCondensed" panose="00000506000000000000" pitchFamily="2" charset="0"/>
              </a:defRPr>
            </a:lvl1pPr>
            <a:lvl2pPr>
              <a:lnSpc>
                <a:spcPct val="100000"/>
              </a:lnSpc>
              <a:defRPr>
                <a:latin typeface="Saira SemiCondensed" panose="00000506000000000000" pitchFamily="2" charset="0"/>
              </a:defRPr>
            </a:lvl2pPr>
            <a:lvl3pPr>
              <a:lnSpc>
                <a:spcPct val="100000"/>
              </a:lnSpc>
              <a:defRPr>
                <a:latin typeface="Saira SemiCondensed" panose="00000506000000000000" pitchFamily="2" charset="0"/>
              </a:defRPr>
            </a:lvl3pPr>
            <a:lvl4pPr>
              <a:lnSpc>
                <a:spcPct val="100000"/>
              </a:lnSpc>
              <a:defRPr>
                <a:latin typeface="Saira SemiCondensed" panose="00000506000000000000" pitchFamily="2" charset="0"/>
              </a:defRPr>
            </a:lvl4pPr>
            <a:lvl5pPr>
              <a:lnSpc>
                <a:spcPct val="100000"/>
              </a:lnSpc>
              <a:defRPr>
                <a:latin typeface="Saira SemiCondensed" panose="00000506000000000000" pitchFamily="2" charset="0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475A30-BB1A-F94F-953D-D4D00EE58D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9C41AE-BE85-4DD7-8CA6-43B1BD1A36C3}" type="datetime1">
              <a:rPr lang="en-US" smtClean="0"/>
              <a:t>3/2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082083-2888-0A40-92DE-A112D42E8E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3CB9DE-B6DC-F647-945D-E3438D5086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447638" y="6492875"/>
            <a:ext cx="1744362" cy="365125"/>
          </a:xfrm>
        </p:spPr>
        <p:txBody>
          <a:bodyPr/>
          <a:lstStyle>
            <a:lvl1pPr>
              <a:defRPr b="1">
                <a:solidFill>
                  <a:schemeClr val="tx1"/>
                </a:solidFill>
                <a:latin typeface="Saira SemiCondensed" panose="00000506000000000000" pitchFamily="2" charset="0"/>
              </a:defRPr>
            </a:lvl1pPr>
          </a:lstStyle>
          <a:p>
            <a:fld id="{ED1DFE98-CBEB-CC41-90EB-54BED8FD4CEA}" type="slidenum">
              <a:rPr lang="en-US" smtClean="0"/>
              <a:pPr/>
              <a:t>‹#›</a:t>
            </a:fld>
            <a:endParaRPr lang="en-US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0" y="1016876"/>
            <a:ext cx="12192000" cy="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993692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282EB09-DD27-5B4B-A4AB-62F0D89B00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E0F7F80-8EF0-8F45-8E48-FB766F9BB82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F312596-DB41-1440-8935-6A6E7F7AA2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9A4FC9-557C-4B20-8188-E92047B87170}" type="datetime1">
              <a:rPr lang="en-US" smtClean="0"/>
              <a:t>3/2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DA04A4-8C49-6D40-A2E2-9E0438C372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5535F88-DE3E-454B-A812-ED00D22112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644807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5F5340-5978-5345-BE97-E9DCA3185F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AC3ADBF-63BC-9449-9B38-A6BD4FFEA63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599288-228A-8443-8DD7-274577F0BE1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AFAFE6D-9BD5-F84F-8F83-373AD214EA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13868-185C-421F-967C-4F09E5E0C12A}" type="datetime1">
              <a:rPr lang="en-US" smtClean="0"/>
              <a:t>3/2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1D0F7C1-91D5-B74C-81AB-95F6DF116C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0364245-93D8-2148-859A-4458F2B94F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26706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C931BB-6D00-984E-81D0-C087432234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D5A6530-92BC-8546-893E-DCD56A76515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3D9F9F4-72EC-5E4D-AA0E-BE29372C363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CBACECC-D7D2-6E42-BBD3-4F50ABF9AF3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A089E92-607F-A842-A6EF-70D00D9BDAE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4904F8F-63DA-844D-B4C8-E48934A052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7C3D6B-7F1D-4A05-86AA-40155C06B0D1}" type="datetime1">
              <a:rPr lang="en-US" smtClean="0"/>
              <a:t>3/2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BDC7DA1-0496-804E-8E61-C20C1D8D8D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60C96DF-5B85-2C40-B904-837F013FFC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60792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FC8BAE-1AD8-9C43-A2D5-AB5A31560C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861C81F-F77F-0C49-8D5D-4A983D7FFF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25CF3F-CC3A-4645-8556-C6EBFE54B7A5}" type="datetime1">
              <a:rPr lang="en-US" smtClean="0"/>
              <a:t>3/2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01BEB91-E93E-6345-9D65-9EBCD6E99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389B85C-258C-A048-B74A-6886550BA4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9356110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99C18B-E0DD-1A4A-B17D-DED578DC6F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4AAB9F-7345-4EBB-929B-3E7975B9D491}" type="datetime1">
              <a:rPr lang="en-US" smtClean="0"/>
              <a:t>3/2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E4012D7-9F71-1F40-8928-691C49255B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470A64-AF4E-634C-B76C-CC240D1275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59971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BE2031-93DA-F14C-AA50-ED7B279806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5D0710-7EB7-C64E-BD80-63FC990E380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6FB800-A227-544F-ADE2-3CE86B86E63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254A764-9FB7-324E-B1E6-E7C76AC2AE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E33D0-2CA4-4151-974A-E58227E36B09}" type="datetime1">
              <a:rPr lang="en-US" smtClean="0"/>
              <a:t>3/2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BA9F5FE-900B-664F-96A7-F0AED07D93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DCF13-C073-D14D-A2FA-852F7BB9D9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976898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15A81B-0E15-1141-B165-B92624D3C2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1669751-65E2-8B4C-A2FB-BD89DFC6DB7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AF1A435-DFE9-F446-9657-B01D011D15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A467906-5A6A-F149-B43B-B6326F6E8B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09640F-A54F-4D70-B154-FCD6CBEA57EA}" type="datetime1">
              <a:rPr lang="en-US" smtClean="0"/>
              <a:t>3/2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FBD4108-714D-E740-9332-9D84BF8E5D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05EA1DE-6E8A-1248-BE81-8338F462E9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79453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FA5D813-1F5E-DD47-9D06-0AE796C566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1704F99-32BD-DD46-AB58-53629EEB18E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9E6C2A-E1DD-804D-8942-896B79800A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AF33270-3BD3-425A-87BC-1961D099450B}" type="datetime1">
              <a:rPr lang="en-US" smtClean="0"/>
              <a:t>3/2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70E0779-B5D2-5648-A2FD-D4FDDCD752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E746169-02B7-2D47-8BF5-9D82C7F4C3F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D1DFE98-CBEB-CC41-90EB-54BED8FD4C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03375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tif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sugarmanart.com/2011/05/21/3d-crime-scene-reconstruction/" TargetMode="Externa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jpe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image" Target="../media/image15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notesSlide" Target="../notesSlides/notesSlide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image" Target="../media/image11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image" Target="../media/image14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3BDE29-7C80-6C4F-87DD-9654E63D1D0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668" y="586051"/>
            <a:ext cx="12170664" cy="2387600"/>
          </a:xfrm>
        </p:spPr>
        <p:txBody>
          <a:bodyPr>
            <a:normAutofit/>
          </a:bodyPr>
          <a:lstStyle/>
          <a:p>
            <a:r>
              <a:rPr lang="fr-FR" sz="5400" b="1" dirty="0">
                <a:latin typeface="Saira SemiCondensed" panose="00000506000000000000" pitchFamily="2" charset="0"/>
              </a:rPr>
              <a:t>C</a:t>
            </a:r>
            <a:r>
              <a:rPr lang="fr-FR" sz="5400" b="1" baseline="30000" dirty="0">
                <a:latin typeface="Saira SemiCondensed" panose="00000506000000000000" pitchFamily="2" charset="0"/>
              </a:rPr>
              <a:t>2</a:t>
            </a:r>
            <a:r>
              <a:rPr lang="fr-FR" sz="5400" b="1" dirty="0">
                <a:latin typeface="Saira SemiCondensed" panose="00000506000000000000" pitchFamily="2" charset="0"/>
              </a:rPr>
              <a:t>SR: </a:t>
            </a:r>
            <a:r>
              <a:rPr lang="fr-FR" sz="5400" b="1" u="sng" dirty="0">
                <a:latin typeface="Saira SemiCondensed" panose="00000506000000000000" pitchFamily="2" charset="0"/>
              </a:rPr>
              <a:t>C</a:t>
            </a:r>
            <a:r>
              <a:rPr lang="fr-FR" sz="5400" b="1" dirty="0">
                <a:latin typeface="Saira SemiCondensed" panose="00000506000000000000" pitchFamily="2" charset="0"/>
              </a:rPr>
              <a:t>yber </a:t>
            </a:r>
            <a:r>
              <a:rPr lang="fr-FR" sz="5400" b="1" u="sng" dirty="0">
                <a:latin typeface="Saira SemiCondensed" panose="00000506000000000000" pitchFamily="2" charset="0"/>
              </a:rPr>
              <a:t>C</a:t>
            </a:r>
            <a:r>
              <a:rPr lang="fr-FR" sz="5400" b="1" dirty="0">
                <a:latin typeface="Saira SemiCondensed" panose="00000506000000000000" pitchFamily="2" charset="0"/>
              </a:rPr>
              <a:t>rime </a:t>
            </a:r>
            <a:r>
              <a:rPr lang="fr-FR" sz="5400" b="1" u="sng" dirty="0" err="1">
                <a:latin typeface="Saira SemiCondensed" panose="00000506000000000000" pitchFamily="2" charset="0"/>
              </a:rPr>
              <a:t>S</a:t>
            </a:r>
            <a:r>
              <a:rPr lang="fr-FR" sz="5400" b="1" dirty="0" err="1">
                <a:latin typeface="Saira SemiCondensed" panose="00000506000000000000" pitchFamily="2" charset="0"/>
              </a:rPr>
              <a:t>cene</a:t>
            </a:r>
            <a:r>
              <a:rPr lang="fr-FR" sz="5400" b="1" dirty="0">
                <a:latin typeface="Saira SemiCondensed" panose="00000506000000000000" pitchFamily="2" charset="0"/>
              </a:rPr>
              <a:t> </a:t>
            </a:r>
            <a:r>
              <a:rPr lang="fr-FR" sz="5400" b="1" u="sng" dirty="0">
                <a:latin typeface="Saira SemiCondensed" panose="00000506000000000000" pitchFamily="2" charset="0"/>
              </a:rPr>
              <a:t>R</a:t>
            </a:r>
            <a:r>
              <a:rPr lang="fr-FR" sz="5400" b="1" dirty="0">
                <a:latin typeface="Saira SemiCondensed" panose="00000506000000000000" pitchFamily="2" charset="0"/>
              </a:rPr>
              <a:t>econstruction for Post-mortem </a:t>
            </a:r>
            <a:r>
              <a:rPr lang="fr-FR" sz="5400" b="1" dirty="0" err="1">
                <a:latin typeface="Saira SemiCondensed" panose="00000506000000000000" pitchFamily="2" charset="0"/>
              </a:rPr>
              <a:t>Forensic</a:t>
            </a:r>
            <a:r>
              <a:rPr lang="fr-FR" sz="5400" b="1" dirty="0">
                <a:latin typeface="Saira SemiCondensed" panose="00000506000000000000" pitchFamily="2" charset="0"/>
              </a:rPr>
              <a:t> </a:t>
            </a:r>
            <a:r>
              <a:rPr lang="fr-FR" sz="5400" b="1" dirty="0" err="1">
                <a:latin typeface="Saira SemiCondensed" panose="00000506000000000000" pitchFamily="2" charset="0"/>
              </a:rPr>
              <a:t>Analysis</a:t>
            </a:r>
            <a:endParaRPr lang="en-US" sz="5400" b="1" dirty="0">
              <a:latin typeface="Saira SemiCondensed" panose="00000506000000000000" pitchFamily="2" charset="0"/>
            </a:endParaRP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ABBC732-8D85-F44C-8BA8-7D02240DA23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63880" y="3429000"/>
            <a:ext cx="11064240" cy="1858348"/>
          </a:xfrm>
        </p:spPr>
        <p:txBody>
          <a:bodyPr>
            <a:normAutofit/>
          </a:bodyPr>
          <a:lstStyle/>
          <a:p>
            <a:r>
              <a:rPr lang="en-US" b="1" dirty="0">
                <a:solidFill>
                  <a:schemeClr val="accent2"/>
                </a:solidFill>
                <a:latin typeface="Saira SemiCondensed" panose="00000506000000000000" pitchFamily="2" charset="0"/>
              </a:rPr>
              <a:t>Yonghwi Kwon</a:t>
            </a:r>
            <a:r>
              <a:rPr lang="en-US" b="1" baseline="30000" dirty="0">
                <a:latin typeface="Saira SemiCondensed" panose="00000506000000000000" pitchFamily="2" charset="0"/>
              </a:rPr>
              <a:t>1</a:t>
            </a:r>
            <a:r>
              <a:rPr lang="en-US" dirty="0">
                <a:latin typeface="Saira SemiCondensed" panose="00000506000000000000" pitchFamily="2" charset="0"/>
              </a:rPr>
              <a:t>, </a:t>
            </a:r>
            <a:r>
              <a:rPr lang="en-US" dirty="0" err="1">
                <a:latin typeface="Saira SemiCondensed" panose="00000506000000000000" pitchFamily="2" charset="0"/>
              </a:rPr>
              <a:t>Weihang</a:t>
            </a:r>
            <a:r>
              <a:rPr lang="en-US" dirty="0">
                <a:latin typeface="Saira SemiCondensed" panose="00000506000000000000" pitchFamily="2" charset="0"/>
              </a:rPr>
              <a:t> Wang</a:t>
            </a:r>
            <a:r>
              <a:rPr lang="en-US" baseline="30000" dirty="0">
                <a:latin typeface="Saira SemiCondensed" panose="00000506000000000000" pitchFamily="2" charset="0"/>
              </a:rPr>
              <a:t>2</a:t>
            </a:r>
            <a:r>
              <a:rPr lang="en-US" dirty="0">
                <a:latin typeface="Saira SemiCondensed" panose="00000506000000000000" pitchFamily="2" charset="0"/>
              </a:rPr>
              <a:t>, </a:t>
            </a:r>
            <a:r>
              <a:rPr lang="en-US" dirty="0" err="1">
                <a:latin typeface="Saira SemiCondensed" panose="00000506000000000000" pitchFamily="2" charset="0"/>
              </a:rPr>
              <a:t>Jinho</a:t>
            </a:r>
            <a:r>
              <a:rPr lang="en-US" dirty="0">
                <a:latin typeface="Saira SemiCondensed" panose="00000506000000000000" pitchFamily="2" charset="0"/>
              </a:rPr>
              <a:t> Jung</a:t>
            </a:r>
            <a:r>
              <a:rPr lang="en-US" baseline="30000" dirty="0">
                <a:latin typeface="Saira SemiCondensed" panose="00000506000000000000" pitchFamily="2" charset="0"/>
              </a:rPr>
              <a:t>3</a:t>
            </a:r>
            <a:r>
              <a:rPr lang="en-US" dirty="0">
                <a:latin typeface="Saira SemiCondensed" panose="00000506000000000000" pitchFamily="2" charset="0"/>
              </a:rPr>
              <a:t>, Kyu Hyung Lee</a:t>
            </a:r>
            <a:r>
              <a:rPr lang="en-US" baseline="30000" dirty="0">
                <a:latin typeface="Saira SemiCondensed" panose="00000506000000000000" pitchFamily="2" charset="0"/>
              </a:rPr>
              <a:t>4</a:t>
            </a:r>
            <a:r>
              <a:rPr lang="en-US" dirty="0">
                <a:latin typeface="Saira SemiCondensed" panose="00000506000000000000" pitchFamily="2" charset="0"/>
              </a:rPr>
              <a:t>, Roberto Perdisci</a:t>
            </a:r>
            <a:r>
              <a:rPr lang="en-US" baseline="30000" dirty="0">
                <a:latin typeface="Saira SemiCondensed" panose="00000506000000000000" pitchFamily="2" charset="0"/>
              </a:rPr>
              <a:t>3,4</a:t>
            </a:r>
          </a:p>
          <a:p>
            <a:endParaRPr lang="en-US" sz="1200" baseline="30000" dirty="0">
              <a:latin typeface="Saira SemiCondensed" panose="00000506000000000000" pitchFamily="2" charset="0"/>
            </a:endParaRPr>
          </a:p>
          <a:p>
            <a:r>
              <a:rPr lang="en-US" b="1" baseline="30000" dirty="0">
                <a:latin typeface="Saira SemiCondensed" panose="00000506000000000000" pitchFamily="2" charset="0"/>
              </a:rPr>
              <a:t>1</a:t>
            </a:r>
            <a:r>
              <a:rPr lang="en-US" b="1" dirty="0">
                <a:solidFill>
                  <a:schemeClr val="accent2"/>
                </a:solidFill>
                <a:latin typeface="Saira SemiCondensed" panose="00000506000000000000" pitchFamily="2" charset="0"/>
              </a:rPr>
              <a:t>University of Virginia</a:t>
            </a:r>
            <a:r>
              <a:rPr lang="en-US" dirty="0">
                <a:latin typeface="Saira SemiCondensed" panose="00000506000000000000" pitchFamily="2" charset="0"/>
              </a:rPr>
              <a:t>, </a:t>
            </a:r>
            <a:r>
              <a:rPr lang="en-US" baseline="30000" dirty="0">
                <a:latin typeface="Saira SemiCondensed" panose="00000506000000000000" pitchFamily="2" charset="0"/>
              </a:rPr>
              <a:t>2</a:t>
            </a:r>
            <a:r>
              <a:rPr lang="en-US" dirty="0">
                <a:latin typeface="Saira SemiCondensed" panose="00000506000000000000" pitchFamily="2" charset="0"/>
              </a:rPr>
              <a:t>University at Buffalo (SUNY), </a:t>
            </a:r>
          </a:p>
          <a:p>
            <a:r>
              <a:rPr lang="en-US" baseline="30000" dirty="0">
                <a:latin typeface="Saira SemiCondensed" panose="00000506000000000000" pitchFamily="2" charset="0"/>
              </a:rPr>
              <a:t>3</a:t>
            </a:r>
            <a:r>
              <a:rPr lang="en-US" dirty="0">
                <a:latin typeface="Saira SemiCondensed" panose="00000506000000000000" pitchFamily="2" charset="0"/>
              </a:rPr>
              <a:t>Georgia Institute of Technology, </a:t>
            </a:r>
            <a:r>
              <a:rPr lang="en-US" baseline="30000" dirty="0">
                <a:latin typeface="Saira SemiCondensed" panose="00000506000000000000" pitchFamily="2" charset="0"/>
              </a:rPr>
              <a:t>4</a:t>
            </a:r>
            <a:r>
              <a:rPr lang="en-US" dirty="0">
                <a:latin typeface="Saira SemiCondensed" panose="00000506000000000000" pitchFamily="2" charset="0"/>
              </a:rPr>
              <a:t>University of Georgia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t>1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218F250-FBCB-431F-8FA6-45106176E49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2393" y="5525376"/>
            <a:ext cx="3263524" cy="1260743"/>
          </a:xfrm>
          <a:prstGeom prst="rect">
            <a:avLst/>
          </a:prstGeom>
        </p:spPr>
      </p:pic>
      <p:pic>
        <p:nvPicPr>
          <p:cNvPr id="1026" name="Picture 2" descr="Image result for suny buffalo logo">
            <a:extLst>
              <a:ext uri="{FF2B5EF4-FFF2-40B4-BE49-F238E27FC236}">
                <a16:creationId xmlns:a16="http://schemas.microsoft.com/office/drawing/2014/main" id="{96CCFC1B-F472-4A64-8291-3AA8A73D28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36807" y="5761746"/>
            <a:ext cx="1868896" cy="7101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Image result for u of georgia logo">
            <a:extLst>
              <a:ext uri="{FF2B5EF4-FFF2-40B4-BE49-F238E27FC236}">
                <a16:creationId xmlns:a16="http://schemas.microsoft.com/office/drawing/2014/main" id="{1DC2D1C0-4C68-403E-9A08-811F4B0D58D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37600" y="5831324"/>
            <a:ext cx="1993490" cy="6528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Image result for georgia tech logo">
            <a:extLst>
              <a:ext uri="{FF2B5EF4-FFF2-40B4-BE49-F238E27FC236}">
                <a16:creationId xmlns:a16="http://schemas.microsoft.com/office/drawing/2014/main" id="{D05F8C3B-8570-4548-A068-6619B9F00F3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98336" y="5708794"/>
            <a:ext cx="1812264" cy="7631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9615997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056B08-820D-4E74-992C-BA9A6E3FE2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ource Reconstruction (</a:t>
            </a:r>
            <a:r>
              <a:rPr lang="en-US" dirty="0" err="1"/>
              <a:t>cont</a:t>
            </a:r>
            <a:r>
              <a:rPr lang="en-US" dirty="0"/>
              <a:t>)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D85A6527-65DB-4AB2-94B5-58E0C46F3E9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643162" y="1927209"/>
            <a:ext cx="6905675" cy="4295806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D976D63-FB56-4060-BC9F-7E3F343EE5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0</a:t>
            </a:fld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5625511-85E6-4AFE-98C3-C66B78CEB949}"/>
              </a:ext>
            </a:extLst>
          </p:cNvPr>
          <p:cNvSpPr/>
          <p:nvPr/>
        </p:nvSpPr>
        <p:spPr>
          <a:xfrm>
            <a:off x="1" y="1034586"/>
            <a:ext cx="12192000" cy="622764"/>
          </a:xfrm>
          <a:prstGeom prst="rect">
            <a:avLst/>
          </a:prstGeom>
          <a:solidFill>
            <a:schemeClr val="accent3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dirty="0">
                <a:latin typeface="Saira SemiCondensed" panose="00000506000000000000" pitchFamily="2" charset="0"/>
              </a:rPr>
              <a:t>Timing dependent resourc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78B5A72-30A2-4148-A47A-EBAC51B638BC}"/>
              </a:ext>
            </a:extLst>
          </p:cNvPr>
          <p:cNvSpPr/>
          <p:nvPr/>
        </p:nvSpPr>
        <p:spPr>
          <a:xfrm>
            <a:off x="2276475" y="3543300"/>
            <a:ext cx="7591425" cy="155257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89763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6C3C9A-8003-41F5-9A9C-9D3E08B88B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Resource Reconstruction: </a:t>
            </a:r>
            <a:br>
              <a:rPr lang="en-US" dirty="0"/>
            </a:br>
            <a:r>
              <a:rPr lang="en-US" sz="3100" dirty="0"/>
              <a:t>Resource-based Execution Partition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FE6842-DD98-42F9-8184-81C1264588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1</a:t>
            </a:fld>
            <a:endParaRPr lang="en-US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AB67DB0-D86F-41A9-B39E-981731DEFF8F}"/>
              </a:ext>
            </a:extLst>
          </p:cNvPr>
          <p:cNvSpPr txBox="1"/>
          <p:nvPr/>
        </p:nvSpPr>
        <p:spPr>
          <a:xfrm>
            <a:off x="2144168" y="1465670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FFE69558-1F68-48BE-96BF-A74F8B6505BA}"/>
              </a:ext>
            </a:extLst>
          </p:cNvPr>
          <p:cNvSpPr txBox="1"/>
          <p:nvPr/>
        </p:nvSpPr>
        <p:spPr>
          <a:xfrm>
            <a:off x="2364542" y="1465670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C2A567-D3A7-4638-9523-221DFB82A315}"/>
              </a:ext>
            </a:extLst>
          </p:cNvPr>
          <p:cNvSpPr txBox="1"/>
          <p:nvPr/>
        </p:nvSpPr>
        <p:spPr>
          <a:xfrm>
            <a:off x="2584916" y="1465670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CC04BDB-EF03-4107-A0D1-4B3E4FBB9ED6}"/>
              </a:ext>
            </a:extLst>
          </p:cNvPr>
          <p:cNvSpPr txBox="1"/>
          <p:nvPr/>
        </p:nvSpPr>
        <p:spPr>
          <a:xfrm>
            <a:off x="2805290" y="1465670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5773494-EEE5-474C-9E69-E8AA9A09A7A4}"/>
              </a:ext>
            </a:extLst>
          </p:cNvPr>
          <p:cNvSpPr txBox="1"/>
          <p:nvPr/>
        </p:nvSpPr>
        <p:spPr>
          <a:xfrm>
            <a:off x="3025664" y="1465670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3B94EDD-DF12-4AEC-90E8-31AFD773A61A}"/>
              </a:ext>
            </a:extLst>
          </p:cNvPr>
          <p:cNvSpPr txBox="1"/>
          <p:nvPr/>
        </p:nvSpPr>
        <p:spPr>
          <a:xfrm>
            <a:off x="3246038" y="1465670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D2ACCB4-5ABE-49F8-AE7A-F170F2314A35}"/>
              </a:ext>
            </a:extLst>
          </p:cNvPr>
          <p:cNvSpPr txBox="1"/>
          <p:nvPr/>
        </p:nvSpPr>
        <p:spPr>
          <a:xfrm>
            <a:off x="3466412" y="1465670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D106681-AA5C-4774-AFBC-B43C6A25A6BD}"/>
              </a:ext>
            </a:extLst>
          </p:cNvPr>
          <p:cNvSpPr txBox="1"/>
          <p:nvPr/>
        </p:nvSpPr>
        <p:spPr>
          <a:xfrm>
            <a:off x="3686786" y="1465670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2BE50AA4-5642-4D36-89AE-3C2B5A8D619B}"/>
              </a:ext>
            </a:extLst>
          </p:cNvPr>
          <p:cNvSpPr txBox="1"/>
          <p:nvPr/>
        </p:nvSpPr>
        <p:spPr>
          <a:xfrm>
            <a:off x="3906972" y="1465670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399848E-339F-4E09-8C78-CB55C498FBB6}"/>
              </a:ext>
            </a:extLst>
          </p:cNvPr>
          <p:cNvSpPr txBox="1"/>
          <p:nvPr/>
        </p:nvSpPr>
        <p:spPr>
          <a:xfrm>
            <a:off x="4127346" y="1465670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1787A2C-52C2-4BA0-922E-87FE619DAF4C}"/>
              </a:ext>
            </a:extLst>
          </p:cNvPr>
          <p:cNvSpPr txBox="1"/>
          <p:nvPr/>
        </p:nvSpPr>
        <p:spPr>
          <a:xfrm>
            <a:off x="4347720" y="1465670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116858F-DD55-4B79-A0FB-F012D69309C2}"/>
              </a:ext>
            </a:extLst>
          </p:cNvPr>
          <p:cNvSpPr txBox="1"/>
          <p:nvPr/>
        </p:nvSpPr>
        <p:spPr>
          <a:xfrm>
            <a:off x="4568094" y="1465670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7847944C-CC6F-4B43-B7EA-1D51BE490951}"/>
              </a:ext>
            </a:extLst>
          </p:cNvPr>
          <p:cNvSpPr txBox="1"/>
          <p:nvPr/>
        </p:nvSpPr>
        <p:spPr>
          <a:xfrm>
            <a:off x="4788468" y="1465670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F0432A7F-57A6-4C12-BB26-1C740B44334A}"/>
              </a:ext>
            </a:extLst>
          </p:cNvPr>
          <p:cNvSpPr txBox="1"/>
          <p:nvPr/>
        </p:nvSpPr>
        <p:spPr>
          <a:xfrm>
            <a:off x="5008842" y="1465670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CC4D7E6A-0E44-4D23-84E2-1965E4486DC4}"/>
              </a:ext>
            </a:extLst>
          </p:cNvPr>
          <p:cNvSpPr txBox="1"/>
          <p:nvPr/>
        </p:nvSpPr>
        <p:spPr>
          <a:xfrm>
            <a:off x="5229216" y="1465670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63966D9B-399C-4504-A088-0FAF9C8DFD4F}"/>
              </a:ext>
            </a:extLst>
          </p:cNvPr>
          <p:cNvSpPr txBox="1"/>
          <p:nvPr/>
        </p:nvSpPr>
        <p:spPr>
          <a:xfrm>
            <a:off x="5449590" y="1465670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1D453ED5-FCA6-4D7F-A62E-314D758EFCEC}"/>
              </a:ext>
            </a:extLst>
          </p:cNvPr>
          <p:cNvCxnSpPr>
            <a:cxnSpLocks/>
          </p:cNvCxnSpPr>
          <p:nvPr/>
        </p:nvCxnSpPr>
        <p:spPr>
          <a:xfrm>
            <a:off x="2131218" y="1772384"/>
            <a:ext cx="366690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B3AADB37-6DC3-4CAF-BD73-7292E07353FA}"/>
              </a:ext>
            </a:extLst>
          </p:cNvPr>
          <p:cNvSpPr txBox="1"/>
          <p:nvPr/>
        </p:nvSpPr>
        <p:spPr>
          <a:xfrm>
            <a:off x="5762793" y="1633884"/>
            <a:ext cx="6204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Time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6166892C-9767-494A-8F66-EA57D7FAA471}"/>
              </a:ext>
            </a:extLst>
          </p:cNvPr>
          <p:cNvSpPr txBox="1"/>
          <p:nvPr/>
        </p:nvSpPr>
        <p:spPr>
          <a:xfrm>
            <a:off x="2309769" y="1789562"/>
            <a:ext cx="3453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(a) Execution Trace </a:t>
            </a:r>
            <a:r>
              <a:rPr lang="en-US" sz="1200" i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(No partitioning applied)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1C591A93-ECFC-4528-9519-E0BF098544E9}"/>
              </a:ext>
            </a:extLst>
          </p:cNvPr>
          <p:cNvSpPr/>
          <p:nvPr/>
        </p:nvSpPr>
        <p:spPr>
          <a:xfrm>
            <a:off x="138679" y="1330032"/>
            <a:ext cx="1384666" cy="1979109"/>
          </a:xfrm>
          <a:prstGeom prst="rect">
            <a:avLst/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08BD903-A676-4958-B64E-0A6B649D25E7}"/>
              </a:ext>
            </a:extLst>
          </p:cNvPr>
          <p:cNvSpPr txBox="1"/>
          <p:nvPr/>
        </p:nvSpPr>
        <p:spPr>
          <a:xfrm>
            <a:off x="492957" y="1164863"/>
            <a:ext cx="683162" cy="27699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Legend</a:t>
            </a:r>
            <a:endParaRPr lang="en-US" sz="1200" b="1" i="1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342C2039-B349-411C-8C63-91DA0EB80353}"/>
              </a:ext>
            </a:extLst>
          </p:cNvPr>
          <p:cNvSpPr txBox="1"/>
          <p:nvPr/>
        </p:nvSpPr>
        <p:spPr>
          <a:xfrm>
            <a:off x="273816" y="2893430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37039059-3659-4279-AD58-A01BB990DE16}"/>
              </a:ext>
            </a:extLst>
          </p:cNvPr>
          <p:cNvSpPr txBox="1"/>
          <p:nvPr/>
        </p:nvSpPr>
        <p:spPr>
          <a:xfrm>
            <a:off x="264741" y="1612137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4E223FDD-DAF2-4BB4-BDE7-3B7462214A38}"/>
              </a:ext>
            </a:extLst>
          </p:cNvPr>
          <p:cNvSpPr txBox="1"/>
          <p:nvPr/>
        </p:nvSpPr>
        <p:spPr>
          <a:xfrm>
            <a:off x="269824" y="2469142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3D981958-90CD-4EC2-8C86-0CEF3E361FC2}"/>
              </a:ext>
            </a:extLst>
          </p:cNvPr>
          <p:cNvSpPr txBox="1"/>
          <p:nvPr/>
        </p:nvSpPr>
        <p:spPr>
          <a:xfrm>
            <a:off x="269824" y="2048235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A55873B3-EC98-428C-A919-B9BF2C790B22}"/>
              </a:ext>
            </a:extLst>
          </p:cNvPr>
          <p:cNvSpPr txBox="1"/>
          <p:nvPr/>
        </p:nvSpPr>
        <p:spPr>
          <a:xfrm>
            <a:off x="494191" y="2770819"/>
            <a:ext cx="108107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Access to </a:t>
            </a:r>
            <a:r>
              <a:rPr lang="en-US" sz="1200" b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Resource S</a:t>
            </a:r>
            <a:endParaRPr lang="en-US" sz="1200" b="1" i="1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55D2B7D1-6BE5-415B-A169-12ED51AFBC13}"/>
              </a:ext>
            </a:extLst>
          </p:cNvPr>
          <p:cNvSpPr txBox="1"/>
          <p:nvPr/>
        </p:nvSpPr>
        <p:spPr>
          <a:xfrm>
            <a:off x="485115" y="1475820"/>
            <a:ext cx="105886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Access to </a:t>
            </a:r>
            <a:r>
              <a:rPr lang="en-US" sz="1200" b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Resource R</a:t>
            </a:r>
            <a:endParaRPr lang="en-US" sz="1200" b="1" i="1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9ACE60C0-5F15-41A5-B621-659ED5686442}"/>
              </a:ext>
            </a:extLst>
          </p:cNvPr>
          <p:cNvSpPr txBox="1"/>
          <p:nvPr/>
        </p:nvSpPr>
        <p:spPr>
          <a:xfrm>
            <a:off x="482921" y="1906878"/>
            <a:ext cx="105886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Access to </a:t>
            </a:r>
            <a:r>
              <a:rPr lang="en-US" sz="1200" b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Resource B</a:t>
            </a:r>
            <a:endParaRPr lang="en-US" sz="1200" b="1" i="1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BD161836-2AFE-450A-B16B-1A8F6A9A6BFF}"/>
              </a:ext>
            </a:extLst>
          </p:cNvPr>
          <p:cNvSpPr txBox="1"/>
          <p:nvPr/>
        </p:nvSpPr>
        <p:spPr>
          <a:xfrm>
            <a:off x="482921" y="2349573"/>
            <a:ext cx="105886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Access to </a:t>
            </a:r>
            <a:r>
              <a:rPr lang="en-US" sz="1200" b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Resource Y</a:t>
            </a:r>
            <a:endParaRPr lang="en-US" sz="1200" b="1" i="1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C1E689A1-2C70-41D7-BCB5-DAFA4E8B869C}"/>
              </a:ext>
            </a:extLst>
          </p:cNvPr>
          <p:cNvSpPr txBox="1"/>
          <p:nvPr/>
        </p:nvSpPr>
        <p:spPr>
          <a:xfrm>
            <a:off x="6829013" y="1439644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F5945468-8553-4839-8964-83FA5A394167}"/>
              </a:ext>
            </a:extLst>
          </p:cNvPr>
          <p:cNvSpPr txBox="1"/>
          <p:nvPr/>
        </p:nvSpPr>
        <p:spPr>
          <a:xfrm>
            <a:off x="7049387" y="1439644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772F6F15-A06C-491F-9744-CCBC179A1C26}"/>
              </a:ext>
            </a:extLst>
          </p:cNvPr>
          <p:cNvSpPr txBox="1"/>
          <p:nvPr/>
        </p:nvSpPr>
        <p:spPr>
          <a:xfrm>
            <a:off x="7269761" y="1439644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A400050E-ECD0-4386-8827-86F58293D0DF}"/>
              </a:ext>
            </a:extLst>
          </p:cNvPr>
          <p:cNvSpPr txBox="1"/>
          <p:nvPr/>
        </p:nvSpPr>
        <p:spPr>
          <a:xfrm>
            <a:off x="7490135" y="1439644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6215A515-9FD8-4C51-958C-C76F625F7365}"/>
              </a:ext>
            </a:extLst>
          </p:cNvPr>
          <p:cNvSpPr txBox="1"/>
          <p:nvPr/>
        </p:nvSpPr>
        <p:spPr>
          <a:xfrm>
            <a:off x="7710509" y="1439644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72267E5-0BC6-42B7-B235-70A6F29AF8FD}"/>
              </a:ext>
            </a:extLst>
          </p:cNvPr>
          <p:cNvSpPr txBox="1"/>
          <p:nvPr/>
        </p:nvSpPr>
        <p:spPr>
          <a:xfrm>
            <a:off x="7930883" y="1439644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7C578C37-392D-41AD-A256-19034FAF5F9E}"/>
              </a:ext>
            </a:extLst>
          </p:cNvPr>
          <p:cNvSpPr txBox="1"/>
          <p:nvPr/>
        </p:nvSpPr>
        <p:spPr>
          <a:xfrm>
            <a:off x="8151257" y="1439644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202F8DF2-783B-4E14-967B-A7F11798CFB5}"/>
              </a:ext>
            </a:extLst>
          </p:cNvPr>
          <p:cNvSpPr txBox="1"/>
          <p:nvPr/>
        </p:nvSpPr>
        <p:spPr>
          <a:xfrm>
            <a:off x="8371631" y="1439644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2E1BBBDE-8F0C-473F-939F-83D50A127459}"/>
              </a:ext>
            </a:extLst>
          </p:cNvPr>
          <p:cNvSpPr txBox="1"/>
          <p:nvPr/>
        </p:nvSpPr>
        <p:spPr>
          <a:xfrm>
            <a:off x="8591817" y="1439644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13674A0F-8302-4293-87A0-54C10AE917B4}"/>
              </a:ext>
            </a:extLst>
          </p:cNvPr>
          <p:cNvSpPr txBox="1"/>
          <p:nvPr/>
        </p:nvSpPr>
        <p:spPr>
          <a:xfrm>
            <a:off x="8812191" y="1439644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418D998C-7DDF-4FE9-B7F6-A9008784FE64}"/>
              </a:ext>
            </a:extLst>
          </p:cNvPr>
          <p:cNvSpPr txBox="1"/>
          <p:nvPr/>
        </p:nvSpPr>
        <p:spPr>
          <a:xfrm>
            <a:off x="9252939" y="1439644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3FAE2F6C-80E7-4E36-8EF8-416FA3CA0F9C}"/>
              </a:ext>
            </a:extLst>
          </p:cNvPr>
          <p:cNvSpPr txBox="1"/>
          <p:nvPr/>
        </p:nvSpPr>
        <p:spPr>
          <a:xfrm>
            <a:off x="9473313" y="1439644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3AE4FADA-FDDD-41E0-9457-813FF86D652D}"/>
              </a:ext>
            </a:extLst>
          </p:cNvPr>
          <p:cNvSpPr txBox="1"/>
          <p:nvPr/>
        </p:nvSpPr>
        <p:spPr>
          <a:xfrm>
            <a:off x="9693687" y="1439644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D30A3D3D-3C8B-4799-8331-14876BD82D9A}"/>
              </a:ext>
            </a:extLst>
          </p:cNvPr>
          <p:cNvSpPr txBox="1"/>
          <p:nvPr/>
        </p:nvSpPr>
        <p:spPr>
          <a:xfrm>
            <a:off x="9914061" y="1439644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3226201B-C83B-4840-BB89-CB25CD57E946}"/>
              </a:ext>
            </a:extLst>
          </p:cNvPr>
          <p:cNvSpPr txBox="1"/>
          <p:nvPr/>
        </p:nvSpPr>
        <p:spPr>
          <a:xfrm>
            <a:off x="10134435" y="1439644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cxnSp>
        <p:nvCxnSpPr>
          <p:cNvPr id="59" name="Straight Arrow Connector 58">
            <a:extLst>
              <a:ext uri="{FF2B5EF4-FFF2-40B4-BE49-F238E27FC236}">
                <a16:creationId xmlns:a16="http://schemas.microsoft.com/office/drawing/2014/main" id="{164B0733-9828-401C-AB16-DB1DB0C949D5}"/>
              </a:ext>
            </a:extLst>
          </p:cNvPr>
          <p:cNvCxnSpPr>
            <a:cxnSpLocks/>
          </p:cNvCxnSpPr>
          <p:nvPr/>
        </p:nvCxnSpPr>
        <p:spPr>
          <a:xfrm>
            <a:off x="6816063" y="1812398"/>
            <a:ext cx="366690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TextBox 59">
            <a:extLst>
              <a:ext uri="{FF2B5EF4-FFF2-40B4-BE49-F238E27FC236}">
                <a16:creationId xmlns:a16="http://schemas.microsoft.com/office/drawing/2014/main" id="{F688673F-63FB-46A4-9E5E-DB4E5B287BFE}"/>
              </a:ext>
            </a:extLst>
          </p:cNvPr>
          <p:cNvSpPr txBox="1"/>
          <p:nvPr/>
        </p:nvSpPr>
        <p:spPr>
          <a:xfrm>
            <a:off x="6752707" y="1844434"/>
            <a:ext cx="379832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(b) Time-sliced Execution Trace (from T</a:t>
            </a:r>
            <a:r>
              <a:rPr lang="en-US" sz="1200" baseline="-250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START</a:t>
            </a:r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 to T</a:t>
            </a:r>
            <a:r>
              <a:rPr lang="en-US" sz="1200" baseline="-250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END</a:t>
            </a:r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)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9AA5569B-0A8A-4766-B190-4B0B63710E61}"/>
              </a:ext>
            </a:extLst>
          </p:cNvPr>
          <p:cNvSpPr txBox="1"/>
          <p:nvPr/>
        </p:nvSpPr>
        <p:spPr>
          <a:xfrm>
            <a:off x="10447638" y="1667820"/>
            <a:ext cx="6204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Time</a:t>
            </a:r>
          </a:p>
        </p:txBody>
      </p:sp>
      <p:sp>
        <p:nvSpPr>
          <p:cNvPr id="62" name="Oval 61">
            <a:extLst>
              <a:ext uri="{FF2B5EF4-FFF2-40B4-BE49-F238E27FC236}">
                <a16:creationId xmlns:a16="http://schemas.microsoft.com/office/drawing/2014/main" id="{77B4B351-97A5-45CC-87E5-2FAAD9A66E0E}"/>
              </a:ext>
            </a:extLst>
          </p:cNvPr>
          <p:cNvSpPr/>
          <p:nvPr/>
        </p:nvSpPr>
        <p:spPr>
          <a:xfrm>
            <a:off x="7596209" y="1099773"/>
            <a:ext cx="228600" cy="228600"/>
          </a:xfrm>
          <a:prstGeom prst="ellipse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200" i="1" dirty="0">
                <a:solidFill>
                  <a:schemeClr val="tx1"/>
                </a:solidFill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T</a:t>
            </a:r>
            <a:r>
              <a:rPr lang="en-US" sz="1200" i="1" baseline="-25000" dirty="0">
                <a:solidFill>
                  <a:schemeClr val="tx1"/>
                </a:solidFill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START</a:t>
            </a:r>
          </a:p>
        </p:txBody>
      </p:sp>
      <p:sp>
        <p:nvSpPr>
          <p:cNvPr id="63" name="Oval 62">
            <a:extLst>
              <a:ext uri="{FF2B5EF4-FFF2-40B4-BE49-F238E27FC236}">
                <a16:creationId xmlns:a16="http://schemas.microsoft.com/office/drawing/2014/main" id="{70EF0CC8-4B3A-4CDF-8177-1CA73CCF49A8}"/>
              </a:ext>
            </a:extLst>
          </p:cNvPr>
          <p:cNvSpPr/>
          <p:nvPr/>
        </p:nvSpPr>
        <p:spPr>
          <a:xfrm>
            <a:off x="9125997" y="1096598"/>
            <a:ext cx="228600" cy="228600"/>
          </a:xfrm>
          <a:prstGeom prst="ellipse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200" i="1" dirty="0">
                <a:solidFill>
                  <a:schemeClr val="tx1"/>
                </a:solidFill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T</a:t>
            </a:r>
            <a:r>
              <a:rPr lang="en-US" sz="1200" i="1" baseline="-25000" dirty="0">
                <a:solidFill>
                  <a:schemeClr val="tx1"/>
                </a:solidFill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END</a:t>
            </a:r>
          </a:p>
        </p:txBody>
      </p:sp>
      <p:cxnSp>
        <p:nvCxnSpPr>
          <p:cNvPr id="64" name="Straight Arrow Connector 63">
            <a:extLst>
              <a:ext uri="{FF2B5EF4-FFF2-40B4-BE49-F238E27FC236}">
                <a16:creationId xmlns:a16="http://schemas.microsoft.com/office/drawing/2014/main" id="{6EE3BAEC-D310-43F8-A7F9-8770580A182F}"/>
              </a:ext>
            </a:extLst>
          </p:cNvPr>
          <p:cNvCxnSpPr>
            <a:cxnSpLocks/>
          </p:cNvCxnSpPr>
          <p:nvPr/>
        </p:nvCxnSpPr>
        <p:spPr>
          <a:xfrm>
            <a:off x="7703107" y="1333247"/>
            <a:ext cx="0" cy="479151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Arrow Connector 64">
            <a:extLst>
              <a:ext uri="{FF2B5EF4-FFF2-40B4-BE49-F238E27FC236}">
                <a16:creationId xmlns:a16="http://schemas.microsoft.com/office/drawing/2014/main" id="{C952887F-D259-4E88-9599-12F76EB6C453}"/>
              </a:ext>
            </a:extLst>
          </p:cNvPr>
          <p:cNvCxnSpPr>
            <a:cxnSpLocks/>
          </p:cNvCxnSpPr>
          <p:nvPr/>
        </p:nvCxnSpPr>
        <p:spPr>
          <a:xfrm>
            <a:off x="9257908" y="1333247"/>
            <a:ext cx="0" cy="479151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TextBox 65">
            <a:extLst>
              <a:ext uri="{FF2B5EF4-FFF2-40B4-BE49-F238E27FC236}">
                <a16:creationId xmlns:a16="http://schemas.microsoft.com/office/drawing/2014/main" id="{C9541EA8-DD6B-44B5-BFF2-8833BE38CD63}"/>
              </a:ext>
            </a:extLst>
          </p:cNvPr>
          <p:cNvSpPr txBox="1"/>
          <p:nvPr/>
        </p:nvSpPr>
        <p:spPr>
          <a:xfrm>
            <a:off x="9032565" y="1439644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67" name="Rectangle: Rounded Corners 66">
            <a:extLst>
              <a:ext uri="{FF2B5EF4-FFF2-40B4-BE49-F238E27FC236}">
                <a16:creationId xmlns:a16="http://schemas.microsoft.com/office/drawing/2014/main" id="{775E780E-B69E-42B0-88E7-4A2C71E9D9B1}"/>
              </a:ext>
            </a:extLst>
          </p:cNvPr>
          <p:cNvSpPr/>
          <p:nvPr/>
        </p:nvSpPr>
        <p:spPr>
          <a:xfrm>
            <a:off x="2131182" y="2670638"/>
            <a:ext cx="3697553" cy="651838"/>
          </a:xfrm>
          <a:prstGeom prst="roundRect">
            <a:avLst>
              <a:gd name="adj" fmla="val 6819"/>
            </a:avLst>
          </a:prstGeom>
          <a:solidFill>
            <a:schemeClr val="accent1">
              <a:lumMod val="40000"/>
              <a:lumOff val="60000"/>
              <a:alpha val="20000"/>
            </a:schemeClr>
          </a:solidFill>
          <a:ln w="12700">
            <a:solidFill>
              <a:schemeClr val="accent1">
                <a:alpha val="20000"/>
              </a:schemeClr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3B8573DB-A736-457F-9BB9-0AC26A8DA1C1}"/>
              </a:ext>
            </a:extLst>
          </p:cNvPr>
          <p:cNvSpPr txBox="1"/>
          <p:nvPr/>
        </p:nvSpPr>
        <p:spPr>
          <a:xfrm>
            <a:off x="2217165" y="3714919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5AC2C381-B621-40D9-9A9F-29B7A70E5188}"/>
              </a:ext>
            </a:extLst>
          </p:cNvPr>
          <p:cNvSpPr txBox="1"/>
          <p:nvPr/>
        </p:nvSpPr>
        <p:spPr>
          <a:xfrm>
            <a:off x="2437539" y="2688589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56056332-5A72-4D76-BF9D-F28573482BA6}"/>
              </a:ext>
            </a:extLst>
          </p:cNvPr>
          <p:cNvSpPr txBox="1"/>
          <p:nvPr/>
        </p:nvSpPr>
        <p:spPr>
          <a:xfrm>
            <a:off x="2657913" y="3714919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9EC8E175-26E0-4AAA-B916-0CAA695128EC}"/>
              </a:ext>
            </a:extLst>
          </p:cNvPr>
          <p:cNvSpPr txBox="1"/>
          <p:nvPr/>
        </p:nvSpPr>
        <p:spPr>
          <a:xfrm>
            <a:off x="2878287" y="3354207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89DDCF69-DD7B-49FD-93C1-3D65C8866A1B}"/>
              </a:ext>
            </a:extLst>
          </p:cNvPr>
          <p:cNvSpPr txBox="1"/>
          <p:nvPr/>
        </p:nvSpPr>
        <p:spPr>
          <a:xfrm>
            <a:off x="3098661" y="2688589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DDE70376-5AF3-49B1-A172-3B1A17293760}"/>
              </a:ext>
            </a:extLst>
          </p:cNvPr>
          <p:cNvSpPr txBox="1"/>
          <p:nvPr/>
        </p:nvSpPr>
        <p:spPr>
          <a:xfrm>
            <a:off x="3319035" y="2688589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32C104B3-4246-484A-B1A0-16F34E54B28E}"/>
              </a:ext>
            </a:extLst>
          </p:cNvPr>
          <p:cNvSpPr txBox="1"/>
          <p:nvPr/>
        </p:nvSpPr>
        <p:spPr>
          <a:xfrm>
            <a:off x="3539409" y="3714919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5" name="TextBox 74">
            <a:extLst>
              <a:ext uri="{FF2B5EF4-FFF2-40B4-BE49-F238E27FC236}">
                <a16:creationId xmlns:a16="http://schemas.microsoft.com/office/drawing/2014/main" id="{68248B83-52C0-4BD1-B348-FB3DB31F8922}"/>
              </a:ext>
            </a:extLst>
          </p:cNvPr>
          <p:cNvSpPr txBox="1"/>
          <p:nvPr/>
        </p:nvSpPr>
        <p:spPr>
          <a:xfrm>
            <a:off x="3759783" y="3354207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6" name="TextBox 75">
            <a:extLst>
              <a:ext uri="{FF2B5EF4-FFF2-40B4-BE49-F238E27FC236}">
                <a16:creationId xmlns:a16="http://schemas.microsoft.com/office/drawing/2014/main" id="{6A1251F1-8D0B-40D0-982E-8DA738EC9D80}"/>
              </a:ext>
            </a:extLst>
          </p:cNvPr>
          <p:cNvSpPr txBox="1"/>
          <p:nvPr/>
        </p:nvSpPr>
        <p:spPr>
          <a:xfrm>
            <a:off x="3979969" y="3014855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4F2670AB-A6C3-4C0D-9D96-83E8A4C57B89}"/>
              </a:ext>
            </a:extLst>
          </p:cNvPr>
          <p:cNvSpPr txBox="1"/>
          <p:nvPr/>
        </p:nvSpPr>
        <p:spPr>
          <a:xfrm>
            <a:off x="4200343" y="3714919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F7C241E7-94F3-4E61-AED0-109C92BE161B}"/>
              </a:ext>
            </a:extLst>
          </p:cNvPr>
          <p:cNvSpPr txBox="1"/>
          <p:nvPr/>
        </p:nvSpPr>
        <p:spPr>
          <a:xfrm>
            <a:off x="4420717" y="2688589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79" name="TextBox 78">
            <a:extLst>
              <a:ext uri="{FF2B5EF4-FFF2-40B4-BE49-F238E27FC236}">
                <a16:creationId xmlns:a16="http://schemas.microsoft.com/office/drawing/2014/main" id="{DBCEE40C-6F6E-4DAE-8A85-393CDA14BADC}"/>
              </a:ext>
            </a:extLst>
          </p:cNvPr>
          <p:cNvSpPr txBox="1"/>
          <p:nvPr/>
        </p:nvSpPr>
        <p:spPr>
          <a:xfrm>
            <a:off x="4641091" y="3354207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80" name="TextBox 79">
            <a:extLst>
              <a:ext uri="{FF2B5EF4-FFF2-40B4-BE49-F238E27FC236}">
                <a16:creationId xmlns:a16="http://schemas.microsoft.com/office/drawing/2014/main" id="{2B97D837-4439-41D4-BF7C-80AF1DCA738F}"/>
              </a:ext>
            </a:extLst>
          </p:cNvPr>
          <p:cNvSpPr txBox="1"/>
          <p:nvPr/>
        </p:nvSpPr>
        <p:spPr>
          <a:xfrm>
            <a:off x="4861465" y="3354207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81" name="TextBox 80">
            <a:extLst>
              <a:ext uri="{FF2B5EF4-FFF2-40B4-BE49-F238E27FC236}">
                <a16:creationId xmlns:a16="http://schemas.microsoft.com/office/drawing/2014/main" id="{9C218EA8-8945-41C6-A876-E81E0B5326FB}"/>
              </a:ext>
            </a:extLst>
          </p:cNvPr>
          <p:cNvSpPr txBox="1"/>
          <p:nvPr/>
        </p:nvSpPr>
        <p:spPr>
          <a:xfrm>
            <a:off x="5081839" y="3014855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82" name="TextBox 81">
            <a:extLst>
              <a:ext uri="{FF2B5EF4-FFF2-40B4-BE49-F238E27FC236}">
                <a16:creationId xmlns:a16="http://schemas.microsoft.com/office/drawing/2014/main" id="{D9047593-C54A-436D-AC68-91A0FBB0494E}"/>
              </a:ext>
            </a:extLst>
          </p:cNvPr>
          <p:cNvSpPr txBox="1"/>
          <p:nvPr/>
        </p:nvSpPr>
        <p:spPr>
          <a:xfrm>
            <a:off x="5302213" y="3014855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B0A44699-9315-4A13-90AE-27E11FAE11E9}"/>
              </a:ext>
            </a:extLst>
          </p:cNvPr>
          <p:cNvSpPr txBox="1"/>
          <p:nvPr/>
        </p:nvSpPr>
        <p:spPr>
          <a:xfrm>
            <a:off x="5522587" y="3714919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cxnSp>
        <p:nvCxnSpPr>
          <p:cNvPr id="84" name="Straight Arrow Connector 83">
            <a:extLst>
              <a:ext uri="{FF2B5EF4-FFF2-40B4-BE49-F238E27FC236}">
                <a16:creationId xmlns:a16="http://schemas.microsoft.com/office/drawing/2014/main" id="{3AA05F1D-50A2-4692-AFC3-12D4BF287DC9}"/>
              </a:ext>
            </a:extLst>
          </p:cNvPr>
          <p:cNvCxnSpPr>
            <a:cxnSpLocks/>
          </p:cNvCxnSpPr>
          <p:nvPr/>
        </p:nvCxnSpPr>
        <p:spPr>
          <a:xfrm>
            <a:off x="2118699" y="4021633"/>
            <a:ext cx="3752416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TextBox 84">
            <a:extLst>
              <a:ext uri="{FF2B5EF4-FFF2-40B4-BE49-F238E27FC236}">
                <a16:creationId xmlns:a16="http://schemas.microsoft.com/office/drawing/2014/main" id="{2C4B277E-EBEA-4AAB-8109-9AF52D8F86BD}"/>
              </a:ext>
            </a:extLst>
          </p:cNvPr>
          <p:cNvSpPr txBox="1"/>
          <p:nvPr/>
        </p:nvSpPr>
        <p:spPr>
          <a:xfrm>
            <a:off x="5816040" y="3883133"/>
            <a:ext cx="5251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Time</a:t>
            </a: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F51E05AF-8518-47CF-9C41-4BEC271575E5}"/>
              </a:ext>
            </a:extLst>
          </p:cNvPr>
          <p:cNvSpPr txBox="1"/>
          <p:nvPr/>
        </p:nvSpPr>
        <p:spPr>
          <a:xfrm>
            <a:off x="2313510" y="4038539"/>
            <a:ext cx="345302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(c) Resource based Execution Partitioning</a:t>
            </a:r>
          </a:p>
          <a:p>
            <a:pPr algn="ctr"/>
            <a:r>
              <a:rPr lang="en-US" sz="1200" i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(Events are partitioned by resources)</a:t>
            </a:r>
          </a:p>
        </p:txBody>
      </p: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3A32890-52D7-4246-B01B-16F850B2B802}"/>
              </a:ext>
            </a:extLst>
          </p:cNvPr>
          <p:cNvCxnSpPr>
            <a:cxnSpLocks/>
          </p:cNvCxnSpPr>
          <p:nvPr/>
        </p:nvCxnSpPr>
        <p:spPr>
          <a:xfrm flipV="1">
            <a:off x="2118699" y="2612645"/>
            <a:ext cx="0" cy="1408988"/>
          </a:xfrm>
          <a:prstGeom prst="straightConnector1">
            <a:avLst/>
          </a:prstGeom>
          <a:ln>
            <a:solidFill>
              <a:schemeClr val="tx1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TextBox 87">
            <a:extLst>
              <a:ext uri="{FF2B5EF4-FFF2-40B4-BE49-F238E27FC236}">
                <a16:creationId xmlns:a16="http://schemas.microsoft.com/office/drawing/2014/main" id="{DCAAFEF1-460B-496A-8D48-62BD692CAF3C}"/>
              </a:ext>
            </a:extLst>
          </p:cNvPr>
          <p:cNvSpPr txBox="1"/>
          <p:nvPr/>
        </p:nvSpPr>
        <p:spPr>
          <a:xfrm rot="16200000">
            <a:off x="1319065" y="3072631"/>
            <a:ext cx="88152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Resource</a:t>
            </a:r>
          </a:p>
        </p:txBody>
      </p: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C7C4536-1293-4EB0-85FC-DCF5CDA4DFBE}"/>
              </a:ext>
            </a:extLst>
          </p:cNvPr>
          <p:cNvCxnSpPr>
            <a:cxnSpLocks/>
          </p:cNvCxnSpPr>
          <p:nvPr/>
        </p:nvCxnSpPr>
        <p:spPr>
          <a:xfrm>
            <a:off x="2123246" y="2983785"/>
            <a:ext cx="3666900" cy="0"/>
          </a:xfrm>
          <a:prstGeom prst="straightConnector1">
            <a:avLst/>
          </a:prstGeom>
          <a:ln>
            <a:solidFill>
              <a:schemeClr val="tx1"/>
            </a:solidFill>
            <a:prstDash val="sysDot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Straight Arrow Connector 89">
            <a:extLst>
              <a:ext uri="{FF2B5EF4-FFF2-40B4-BE49-F238E27FC236}">
                <a16:creationId xmlns:a16="http://schemas.microsoft.com/office/drawing/2014/main" id="{F6616FA0-083C-4A59-B095-E3F7C7DD3DA4}"/>
              </a:ext>
            </a:extLst>
          </p:cNvPr>
          <p:cNvCxnSpPr>
            <a:cxnSpLocks/>
          </p:cNvCxnSpPr>
          <p:nvPr/>
        </p:nvCxnSpPr>
        <p:spPr>
          <a:xfrm>
            <a:off x="2123246" y="3656605"/>
            <a:ext cx="3666900" cy="0"/>
          </a:xfrm>
          <a:prstGeom prst="straightConnector1">
            <a:avLst/>
          </a:prstGeom>
          <a:ln>
            <a:solidFill>
              <a:schemeClr val="tx1"/>
            </a:solidFill>
            <a:prstDash val="sysDot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CA974C2E-6F8C-4BC6-B249-2445B7D2C1E3}"/>
              </a:ext>
            </a:extLst>
          </p:cNvPr>
          <p:cNvCxnSpPr>
            <a:cxnSpLocks/>
          </p:cNvCxnSpPr>
          <p:nvPr/>
        </p:nvCxnSpPr>
        <p:spPr>
          <a:xfrm>
            <a:off x="2123246" y="3661965"/>
            <a:ext cx="3666900" cy="0"/>
          </a:xfrm>
          <a:prstGeom prst="straightConnector1">
            <a:avLst/>
          </a:prstGeom>
          <a:ln>
            <a:solidFill>
              <a:schemeClr val="tx1"/>
            </a:solidFill>
            <a:prstDash val="sysDot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TextBox 92">
            <a:extLst>
              <a:ext uri="{FF2B5EF4-FFF2-40B4-BE49-F238E27FC236}">
                <a16:creationId xmlns:a16="http://schemas.microsoft.com/office/drawing/2014/main" id="{9909B5CB-C0ED-42C4-8D39-B32A7A33CE68}"/>
              </a:ext>
            </a:extLst>
          </p:cNvPr>
          <p:cNvSpPr txBox="1"/>
          <p:nvPr/>
        </p:nvSpPr>
        <p:spPr>
          <a:xfrm>
            <a:off x="1841021" y="3712845"/>
            <a:ext cx="27673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S</a:t>
            </a:r>
          </a:p>
        </p:txBody>
      </p:sp>
      <p:sp>
        <p:nvSpPr>
          <p:cNvPr id="94" name="TextBox 93">
            <a:extLst>
              <a:ext uri="{FF2B5EF4-FFF2-40B4-BE49-F238E27FC236}">
                <a16:creationId xmlns:a16="http://schemas.microsoft.com/office/drawing/2014/main" id="{FA4B7C58-E8F8-4E5F-84A7-81E2357F8381}"/>
              </a:ext>
            </a:extLst>
          </p:cNvPr>
          <p:cNvSpPr txBox="1"/>
          <p:nvPr/>
        </p:nvSpPr>
        <p:spPr>
          <a:xfrm>
            <a:off x="1841021" y="3364125"/>
            <a:ext cx="27673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Y</a:t>
            </a:r>
          </a:p>
        </p:txBody>
      </p:sp>
      <p:sp>
        <p:nvSpPr>
          <p:cNvPr id="95" name="TextBox 94">
            <a:extLst>
              <a:ext uri="{FF2B5EF4-FFF2-40B4-BE49-F238E27FC236}">
                <a16:creationId xmlns:a16="http://schemas.microsoft.com/office/drawing/2014/main" id="{83E093FD-B706-427B-9947-2E8CC45ABF77}"/>
              </a:ext>
            </a:extLst>
          </p:cNvPr>
          <p:cNvSpPr txBox="1"/>
          <p:nvPr/>
        </p:nvSpPr>
        <p:spPr>
          <a:xfrm>
            <a:off x="1841021" y="3038851"/>
            <a:ext cx="27673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B</a:t>
            </a:r>
          </a:p>
        </p:txBody>
      </p:sp>
      <p:sp>
        <p:nvSpPr>
          <p:cNvPr id="96" name="TextBox 95">
            <a:extLst>
              <a:ext uri="{FF2B5EF4-FFF2-40B4-BE49-F238E27FC236}">
                <a16:creationId xmlns:a16="http://schemas.microsoft.com/office/drawing/2014/main" id="{B4977BA6-5466-4403-9B63-035D6AC2C921}"/>
              </a:ext>
            </a:extLst>
          </p:cNvPr>
          <p:cNvSpPr txBox="1"/>
          <p:nvPr/>
        </p:nvSpPr>
        <p:spPr>
          <a:xfrm>
            <a:off x="1841021" y="2692320"/>
            <a:ext cx="27673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R</a:t>
            </a: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2BC10A1F-57F5-44BB-ADB9-C9985EE169FC}"/>
              </a:ext>
            </a:extLst>
          </p:cNvPr>
          <p:cNvSpPr txBox="1"/>
          <p:nvPr/>
        </p:nvSpPr>
        <p:spPr>
          <a:xfrm>
            <a:off x="6784217" y="3721867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BD70EB83-8406-4DA2-8E4C-68D4A7C6F1E3}"/>
              </a:ext>
            </a:extLst>
          </p:cNvPr>
          <p:cNvSpPr txBox="1"/>
          <p:nvPr/>
        </p:nvSpPr>
        <p:spPr>
          <a:xfrm>
            <a:off x="7004591" y="3043589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40EC9EC3-CC07-4B30-9248-B13E1F28D44D}"/>
              </a:ext>
            </a:extLst>
          </p:cNvPr>
          <p:cNvSpPr txBox="1"/>
          <p:nvPr/>
        </p:nvSpPr>
        <p:spPr>
          <a:xfrm>
            <a:off x="7224965" y="3726090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87FC95B6-B057-4ECD-B8B6-7C03357A90EC}"/>
              </a:ext>
            </a:extLst>
          </p:cNvPr>
          <p:cNvSpPr txBox="1"/>
          <p:nvPr/>
        </p:nvSpPr>
        <p:spPr>
          <a:xfrm>
            <a:off x="7445339" y="3379287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1" name="TextBox 100">
            <a:extLst>
              <a:ext uri="{FF2B5EF4-FFF2-40B4-BE49-F238E27FC236}">
                <a16:creationId xmlns:a16="http://schemas.microsoft.com/office/drawing/2014/main" id="{00DFEBC5-54B5-4881-8070-BCD171A26259}"/>
              </a:ext>
            </a:extLst>
          </p:cNvPr>
          <p:cNvSpPr txBox="1"/>
          <p:nvPr/>
        </p:nvSpPr>
        <p:spPr>
          <a:xfrm>
            <a:off x="7665713" y="3043589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2" name="TextBox 101">
            <a:extLst>
              <a:ext uri="{FF2B5EF4-FFF2-40B4-BE49-F238E27FC236}">
                <a16:creationId xmlns:a16="http://schemas.microsoft.com/office/drawing/2014/main" id="{AE2D5D2D-8C07-4FCA-B205-74CE55E9C344}"/>
              </a:ext>
            </a:extLst>
          </p:cNvPr>
          <p:cNvSpPr txBox="1"/>
          <p:nvPr/>
        </p:nvSpPr>
        <p:spPr>
          <a:xfrm>
            <a:off x="7886087" y="3379287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3" name="TextBox 102">
            <a:extLst>
              <a:ext uri="{FF2B5EF4-FFF2-40B4-BE49-F238E27FC236}">
                <a16:creationId xmlns:a16="http://schemas.microsoft.com/office/drawing/2014/main" id="{2A7CC640-9DBA-475A-A931-743E1D3D76B6}"/>
              </a:ext>
            </a:extLst>
          </p:cNvPr>
          <p:cNvSpPr txBox="1"/>
          <p:nvPr/>
        </p:nvSpPr>
        <p:spPr>
          <a:xfrm>
            <a:off x="8106461" y="3721867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D263305D-CCEC-4E9E-B53D-ED851A990C9B}"/>
              </a:ext>
            </a:extLst>
          </p:cNvPr>
          <p:cNvSpPr txBox="1"/>
          <p:nvPr/>
        </p:nvSpPr>
        <p:spPr>
          <a:xfrm>
            <a:off x="8326835" y="3379287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5" name="TextBox 104">
            <a:extLst>
              <a:ext uri="{FF2B5EF4-FFF2-40B4-BE49-F238E27FC236}">
                <a16:creationId xmlns:a16="http://schemas.microsoft.com/office/drawing/2014/main" id="{B5BAD90F-C5DD-4B96-AE5E-3607649B0524}"/>
              </a:ext>
            </a:extLst>
          </p:cNvPr>
          <p:cNvSpPr txBox="1"/>
          <p:nvPr/>
        </p:nvSpPr>
        <p:spPr>
          <a:xfrm>
            <a:off x="8547021" y="3035902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6" name="TextBox 105">
            <a:extLst>
              <a:ext uri="{FF2B5EF4-FFF2-40B4-BE49-F238E27FC236}">
                <a16:creationId xmlns:a16="http://schemas.microsoft.com/office/drawing/2014/main" id="{6D3E599D-0B40-4419-8129-34B3C66DD6BD}"/>
              </a:ext>
            </a:extLst>
          </p:cNvPr>
          <p:cNvSpPr txBox="1"/>
          <p:nvPr/>
        </p:nvSpPr>
        <p:spPr>
          <a:xfrm>
            <a:off x="8767395" y="3374108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D4E07BDB-52D2-4C21-99EB-2CADE9071AB5}"/>
              </a:ext>
            </a:extLst>
          </p:cNvPr>
          <p:cNvSpPr txBox="1"/>
          <p:nvPr/>
        </p:nvSpPr>
        <p:spPr>
          <a:xfrm>
            <a:off x="8987769" y="3043589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55AD9233-ED0E-429C-8DE5-65DAB29D1610}"/>
              </a:ext>
            </a:extLst>
          </p:cNvPr>
          <p:cNvSpPr txBox="1"/>
          <p:nvPr/>
        </p:nvSpPr>
        <p:spPr>
          <a:xfrm>
            <a:off x="9208143" y="3379287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09" name="TextBox 108">
            <a:extLst>
              <a:ext uri="{FF2B5EF4-FFF2-40B4-BE49-F238E27FC236}">
                <a16:creationId xmlns:a16="http://schemas.microsoft.com/office/drawing/2014/main" id="{01ECD440-C742-40CE-A525-B1F49DFDCF35}"/>
              </a:ext>
            </a:extLst>
          </p:cNvPr>
          <p:cNvSpPr txBox="1"/>
          <p:nvPr/>
        </p:nvSpPr>
        <p:spPr>
          <a:xfrm>
            <a:off x="9428517" y="3379287"/>
            <a:ext cx="220374" cy="276999"/>
          </a:xfrm>
          <a:prstGeom prst="rect">
            <a:avLst/>
          </a:prstGeom>
          <a:pattFill prst="horzBrick">
            <a:fgClr>
              <a:srgbClr val="FFC000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10" name="TextBox 109">
            <a:extLst>
              <a:ext uri="{FF2B5EF4-FFF2-40B4-BE49-F238E27FC236}">
                <a16:creationId xmlns:a16="http://schemas.microsoft.com/office/drawing/2014/main" id="{1275D896-DF62-4975-8429-714B2E4C7494}"/>
              </a:ext>
            </a:extLst>
          </p:cNvPr>
          <p:cNvSpPr txBox="1"/>
          <p:nvPr/>
        </p:nvSpPr>
        <p:spPr>
          <a:xfrm>
            <a:off x="9648891" y="3721330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D40474B0-DFF8-436C-AF8B-ED135B6654A3}"/>
              </a:ext>
            </a:extLst>
          </p:cNvPr>
          <p:cNvSpPr txBox="1"/>
          <p:nvPr/>
        </p:nvSpPr>
        <p:spPr>
          <a:xfrm>
            <a:off x="9869265" y="3721330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7300E73E-8A89-450E-8887-1EE039AA781A}"/>
              </a:ext>
            </a:extLst>
          </p:cNvPr>
          <p:cNvSpPr txBox="1"/>
          <p:nvPr/>
        </p:nvSpPr>
        <p:spPr>
          <a:xfrm>
            <a:off x="10089639" y="3721867"/>
            <a:ext cx="220374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12E6817A-A9A5-41C3-BB3D-FC8116E71749}"/>
              </a:ext>
            </a:extLst>
          </p:cNvPr>
          <p:cNvCxnSpPr>
            <a:cxnSpLocks/>
          </p:cNvCxnSpPr>
          <p:nvPr/>
        </p:nvCxnSpPr>
        <p:spPr>
          <a:xfrm>
            <a:off x="6685751" y="4040011"/>
            <a:ext cx="3752416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TextBox 113">
            <a:extLst>
              <a:ext uri="{FF2B5EF4-FFF2-40B4-BE49-F238E27FC236}">
                <a16:creationId xmlns:a16="http://schemas.microsoft.com/office/drawing/2014/main" id="{85840562-BAE8-400C-9E1D-D15DABE7DC72}"/>
              </a:ext>
            </a:extLst>
          </p:cNvPr>
          <p:cNvSpPr txBox="1"/>
          <p:nvPr/>
        </p:nvSpPr>
        <p:spPr>
          <a:xfrm>
            <a:off x="10383092" y="3901511"/>
            <a:ext cx="5251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Time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5A08922F-9D8B-4597-AD68-68CEE2891407}"/>
              </a:ext>
            </a:extLst>
          </p:cNvPr>
          <p:cNvSpPr txBox="1"/>
          <p:nvPr/>
        </p:nvSpPr>
        <p:spPr>
          <a:xfrm>
            <a:off x="6880562" y="4056917"/>
            <a:ext cx="3453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(d) Resources Accessed by Each Task</a:t>
            </a:r>
            <a:endParaRPr lang="en-US" sz="1200" i="1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C2402799-B31F-43ED-998C-E8BAD9D84684}"/>
              </a:ext>
            </a:extLst>
          </p:cNvPr>
          <p:cNvCxnSpPr>
            <a:cxnSpLocks/>
          </p:cNvCxnSpPr>
          <p:nvPr/>
        </p:nvCxnSpPr>
        <p:spPr>
          <a:xfrm flipV="1">
            <a:off x="6685751" y="2853478"/>
            <a:ext cx="0" cy="1186533"/>
          </a:xfrm>
          <a:prstGeom prst="straightConnector1">
            <a:avLst/>
          </a:prstGeom>
          <a:ln>
            <a:solidFill>
              <a:schemeClr val="tx1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TextBox 116">
            <a:extLst>
              <a:ext uri="{FF2B5EF4-FFF2-40B4-BE49-F238E27FC236}">
                <a16:creationId xmlns:a16="http://schemas.microsoft.com/office/drawing/2014/main" id="{9C7212BD-FF86-497C-928B-80A1CF967535}"/>
              </a:ext>
            </a:extLst>
          </p:cNvPr>
          <p:cNvSpPr txBox="1"/>
          <p:nvPr/>
        </p:nvSpPr>
        <p:spPr>
          <a:xfrm rot="16200000">
            <a:off x="6283748" y="2696544"/>
            <a:ext cx="50908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Task</a:t>
            </a:r>
          </a:p>
        </p:txBody>
      </p:sp>
      <p:cxnSp>
        <p:nvCxnSpPr>
          <p:cNvPr id="118" name="Straight Arrow Connector 117">
            <a:extLst>
              <a:ext uri="{FF2B5EF4-FFF2-40B4-BE49-F238E27FC236}">
                <a16:creationId xmlns:a16="http://schemas.microsoft.com/office/drawing/2014/main" id="{D8C00416-15D5-48B9-B69E-A1983665CE09}"/>
              </a:ext>
            </a:extLst>
          </p:cNvPr>
          <p:cNvCxnSpPr>
            <a:cxnSpLocks/>
          </p:cNvCxnSpPr>
          <p:nvPr/>
        </p:nvCxnSpPr>
        <p:spPr>
          <a:xfrm>
            <a:off x="6690298" y="3346405"/>
            <a:ext cx="3666900" cy="0"/>
          </a:xfrm>
          <a:prstGeom prst="straightConnector1">
            <a:avLst/>
          </a:prstGeom>
          <a:ln>
            <a:solidFill>
              <a:schemeClr val="tx1"/>
            </a:solidFill>
            <a:prstDash val="sysDot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D22E88D-D18A-42F3-894B-B68436325AA5}"/>
              </a:ext>
            </a:extLst>
          </p:cNvPr>
          <p:cNvCxnSpPr>
            <a:cxnSpLocks/>
          </p:cNvCxnSpPr>
          <p:nvPr/>
        </p:nvCxnSpPr>
        <p:spPr>
          <a:xfrm>
            <a:off x="6690298" y="3680343"/>
            <a:ext cx="3666900" cy="0"/>
          </a:xfrm>
          <a:prstGeom prst="straightConnector1">
            <a:avLst/>
          </a:prstGeom>
          <a:ln>
            <a:solidFill>
              <a:schemeClr val="tx1"/>
            </a:solidFill>
            <a:prstDash val="sysDot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val 119">
            <a:extLst>
              <a:ext uri="{FF2B5EF4-FFF2-40B4-BE49-F238E27FC236}">
                <a16:creationId xmlns:a16="http://schemas.microsoft.com/office/drawing/2014/main" id="{EA44FD27-6D52-4616-88B4-7D2D52E1C1C8}"/>
              </a:ext>
            </a:extLst>
          </p:cNvPr>
          <p:cNvSpPr/>
          <p:nvPr/>
        </p:nvSpPr>
        <p:spPr>
          <a:xfrm>
            <a:off x="6460793" y="3753480"/>
            <a:ext cx="197990" cy="197990"/>
          </a:xfrm>
          <a:prstGeom prst="ellipse">
            <a:avLst/>
          </a:prstGeom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Z</a:t>
            </a:r>
          </a:p>
        </p:txBody>
      </p:sp>
      <p:sp>
        <p:nvSpPr>
          <p:cNvPr id="121" name="Oval 120">
            <a:extLst>
              <a:ext uri="{FF2B5EF4-FFF2-40B4-BE49-F238E27FC236}">
                <a16:creationId xmlns:a16="http://schemas.microsoft.com/office/drawing/2014/main" id="{644A6B73-1445-4249-9AC7-5F7D2E8ACABE}"/>
              </a:ext>
            </a:extLst>
          </p:cNvPr>
          <p:cNvSpPr/>
          <p:nvPr/>
        </p:nvSpPr>
        <p:spPr>
          <a:xfrm>
            <a:off x="6460793" y="3419814"/>
            <a:ext cx="197990" cy="197990"/>
          </a:xfrm>
          <a:prstGeom prst="ellipse">
            <a:avLst/>
          </a:prstGeom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Y</a:t>
            </a:r>
          </a:p>
        </p:txBody>
      </p:sp>
      <p:sp>
        <p:nvSpPr>
          <p:cNvPr id="122" name="Oval 121">
            <a:extLst>
              <a:ext uri="{FF2B5EF4-FFF2-40B4-BE49-F238E27FC236}">
                <a16:creationId xmlns:a16="http://schemas.microsoft.com/office/drawing/2014/main" id="{4E29F450-2280-475C-91F8-D758963AAEAC}"/>
              </a:ext>
            </a:extLst>
          </p:cNvPr>
          <p:cNvSpPr/>
          <p:nvPr/>
        </p:nvSpPr>
        <p:spPr>
          <a:xfrm>
            <a:off x="6460793" y="3098538"/>
            <a:ext cx="197990" cy="197990"/>
          </a:xfrm>
          <a:prstGeom prst="ellipse">
            <a:avLst/>
          </a:prstGeom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X</a:t>
            </a:r>
          </a:p>
        </p:txBody>
      </p:sp>
      <p:cxnSp>
        <p:nvCxnSpPr>
          <p:cNvPr id="146" name="Straight Arrow Connector 145">
            <a:extLst>
              <a:ext uri="{FF2B5EF4-FFF2-40B4-BE49-F238E27FC236}">
                <a16:creationId xmlns:a16="http://schemas.microsoft.com/office/drawing/2014/main" id="{595EC0C9-96DE-48EE-851C-48A33C499A87}"/>
              </a:ext>
            </a:extLst>
          </p:cNvPr>
          <p:cNvCxnSpPr>
            <a:cxnSpLocks/>
          </p:cNvCxnSpPr>
          <p:nvPr/>
        </p:nvCxnSpPr>
        <p:spPr>
          <a:xfrm>
            <a:off x="4505536" y="5617805"/>
            <a:ext cx="366690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TextBox 146">
            <a:extLst>
              <a:ext uri="{FF2B5EF4-FFF2-40B4-BE49-F238E27FC236}">
                <a16:creationId xmlns:a16="http://schemas.microsoft.com/office/drawing/2014/main" id="{2BF05D67-D7AC-42FB-ADCC-B8D0E900B384}"/>
              </a:ext>
            </a:extLst>
          </p:cNvPr>
          <p:cNvSpPr txBox="1"/>
          <p:nvPr/>
        </p:nvSpPr>
        <p:spPr>
          <a:xfrm>
            <a:off x="7823908" y="5579664"/>
            <a:ext cx="177194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Time</a:t>
            </a:r>
          </a:p>
        </p:txBody>
      </p:sp>
      <p:sp>
        <p:nvSpPr>
          <p:cNvPr id="148" name="TextBox 147">
            <a:extLst>
              <a:ext uri="{FF2B5EF4-FFF2-40B4-BE49-F238E27FC236}">
                <a16:creationId xmlns:a16="http://schemas.microsoft.com/office/drawing/2014/main" id="{C81C4518-D517-45E7-9D48-AD8BA3B9A83D}"/>
              </a:ext>
            </a:extLst>
          </p:cNvPr>
          <p:cNvSpPr txBox="1"/>
          <p:nvPr/>
        </p:nvSpPr>
        <p:spPr>
          <a:xfrm>
            <a:off x="4518486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49" name="TextBox 148">
            <a:extLst>
              <a:ext uri="{FF2B5EF4-FFF2-40B4-BE49-F238E27FC236}">
                <a16:creationId xmlns:a16="http://schemas.microsoft.com/office/drawing/2014/main" id="{7BDFC9B9-A527-4535-899C-5E16468D4E74}"/>
              </a:ext>
            </a:extLst>
          </p:cNvPr>
          <p:cNvSpPr txBox="1"/>
          <p:nvPr/>
        </p:nvSpPr>
        <p:spPr>
          <a:xfrm>
            <a:off x="4959234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D52429D8-9093-470D-9924-7D112A6EA080}"/>
              </a:ext>
            </a:extLst>
          </p:cNvPr>
          <p:cNvSpPr txBox="1"/>
          <p:nvPr/>
        </p:nvSpPr>
        <p:spPr>
          <a:xfrm>
            <a:off x="5179608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1" name="TextBox 150">
            <a:extLst>
              <a:ext uri="{FF2B5EF4-FFF2-40B4-BE49-F238E27FC236}">
                <a16:creationId xmlns:a16="http://schemas.microsoft.com/office/drawing/2014/main" id="{E43E579D-5D4F-4E77-B8C5-C6F2DE41784F}"/>
              </a:ext>
            </a:extLst>
          </p:cNvPr>
          <p:cNvSpPr txBox="1"/>
          <p:nvPr/>
        </p:nvSpPr>
        <p:spPr>
          <a:xfrm>
            <a:off x="5620168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2" name="TextBox 151">
            <a:extLst>
              <a:ext uri="{FF2B5EF4-FFF2-40B4-BE49-F238E27FC236}">
                <a16:creationId xmlns:a16="http://schemas.microsoft.com/office/drawing/2014/main" id="{433540A4-50BF-46C7-92C1-A20D2CA69A4B}"/>
              </a:ext>
            </a:extLst>
          </p:cNvPr>
          <p:cNvSpPr txBox="1"/>
          <p:nvPr/>
        </p:nvSpPr>
        <p:spPr>
          <a:xfrm>
            <a:off x="5840542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3" name="TextBox 152">
            <a:extLst>
              <a:ext uri="{FF2B5EF4-FFF2-40B4-BE49-F238E27FC236}">
                <a16:creationId xmlns:a16="http://schemas.microsoft.com/office/drawing/2014/main" id="{BDDBED95-5A92-48E8-8819-DE893DC5543E}"/>
              </a:ext>
            </a:extLst>
          </p:cNvPr>
          <p:cNvSpPr txBox="1"/>
          <p:nvPr/>
        </p:nvSpPr>
        <p:spPr>
          <a:xfrm>
            <a:off x="6942412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4" name="TextBox 153">
            <a:extLst>
              <a:ext uri="{FF2B5EF4-FFF2-40B4-BE49-F238E27FC236}">
                <a16:creationId xmlns:a16="http://schemas.microsoft.com/office/drawing/2014/main" id="{A1B53E46-FA06-4FFA-BC74-50406FCD2EF9}"/>
              </a:ext>
            </a:extLst>
          </p:cNvPr>
          <p:cNvSpPr txBox="1"/>
          <p:nvPr/>
        </p:nvSpPr>
        <p:spPr>
          <a:xfrm>
            <a:off x="7162786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5" name="TextBox 154">
            <a:extLst>
              <a:ext uri="{FF2B5EF4-FFF2-40B4-BE49-F238E27FC236}">
                <a16:creationId xmlns:a16="http://schemas.microsoft.com/office/drawing/2014/main" id="{352E150D-0946-499C-A540-A951C9AEA39B}"/>
              </a:ext>
            </a:extLst>
          </p:cNvPr>
          <p:cNvSpPr txBox="1"/>
          <p:nvPr/>
        </p:nvSpPr>
        <p:spPr>
          <a:xfrm>
            <a:off x="7383160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6" name="TextBox 155">
            <a:extLst>
              <a:ext uri="{FF2B5EF4-FFF2-40B4-BE49-F238E27FC236}">
                <a16:creationId xmlns:a16="http://schemas.microsoft.com/office/drawing/2014/main" id="{09A6E549-E063-484B-BFA8-EFA39587173B}"/>
              </a:ext>
            </a:extLst>
          </p:cNvPr>
          <p:cNvSpPr txBox="1"/>
          <p:nvPr/>
        </p:nvSpPr>
        <p:spPr>
          <a:xfrm>
            <a:off x="7603534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7" name="TextBox 156">
            <a:extLst>
              <a:ext uri="{FF2B5EF4-FFF2-40B4-BE49-F238E27FC236}">
                <a16:creationId xmlns:a16="http://schemas.microsoft.com/office/drawing/2014/main" id="{A42BE645-DBAF-4AD9-9F6E-DC2DE7A52088}"/>
              </a:ext>
            </a:extLst>
          </p:cNvPr>
          <p:cNvSpPr txBox="1"/>
          <p:nvPr/>
        </p:nvSpPr>
        <p:spPr>
          <a:xfrm>
            <a:off x="7823908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8" name="TextBox 157">
            <a:extLst>
              <a:ext uri="{FF2B5EF4-FFF2-40B4-BE49-F238E27FC236}">
                <a16:creationId xmlns:a16="http://schemas.microsoft.com/office/drawing/2014/main" id="{785A07F6-C58F-4B27-85CB-D5F579CE05F2}"/>
              </a:ext>
            </a:extLst>
          </p:cNvPr>
          <p:cNvSpPr txBox="1"/>
          <p:nvPr/>
        </p:nvSpPr>
        <p:spPr>
          <a:xfrm>
            <a:off x="6501664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59" name="TextBox 158">
            <a:extLst>
              <a:ext uri="{FF2B5EF4-FFF2-40B4-BE49-F238E27FC236}">
                <a16:creationId xmlns:a16="http://schemas.microsoft.com/office/drawing/2014/main" id="{389F4753-C317-4A82-B4BF-F570F2E2677F}"/>
              </a:ext>
            </a:extLst>
          </p:cNvPr>
          <p:cNvSpPr txBox="1"/>
          <p:nvPr/>
        </p:nvSpPr>
        <p:spPr>
          <a:xfrm>
            <a:off x="6060916" y="5311090"/>
            <a:ext cx="220374" cy="276999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60" name="TextBox 159">
            <a:extLst>
              <a:ext uri="{FF2B5EF4-FFF2-40B4-BE49-F238E27FC236}">
                <a16:creationId xmlns:a16="http://schemas.microsoft.com/office/drawing/2014/main" id="{871E179D-D6A3-40C2-B108-E83D5B780A86}"/>
              </a:ext>
            </a:extLst>
          </p:cNvPr>
          <p:cNvSpPr txBox="1"/>
          <p:nvPr/>
        </p:nvSpPr>
        <p:spPr>
          <a:xfrm>
            <a:off x="5399982" y="5311091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61" name="TextBox 160">
            <a:extLst>
              <a:ext uri="{FF2B5EF4-FFF2-40B4-BE49-F238E27FC236}">
                <a16:creationId xmlns:a16="http://schemas.microsoft.com/office/drawing/2014/main" id="{950745E0-828B-4B54-85EA-DD185D97BC3D}"/>
              </a:ext>
            </a:extLst>
          </p:cNvPr>
          <p:cNvSpPr txBox="1"/>
          <p:nvPr/>
        </p:nvSpPr>
        <p:spPr>
          <a:xfrm>
            <a:off x="6281290" y="5311091"/>
            <a:ext cx="220374" cy="276999"/>
          </a:xfrm>
          <a:prstGeom prst="rect">
            <a:avLst/>
          </a:prstGeom>
          <a:pattFill prst="smCheck">
            <a:fgClr>
              <a:schemeClr val="accent1"/>
            </a:fgClr>
            <a:bgClr>
              <a:schemeClr val="bg1"/>
            </a:bgClr>
          </a:patt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62" name="TextBox 161">
            <a:extLst>
              <a:ext uri="{FF2B5EF4-FFF2-40B4-BE49-F238E27FC236}">
                <a16:creationId xmlns:a16="http://schemas.microsoft.com/office/drawing/2014/main" id="{A10945CD-76F7-469F-A38A-6BFD5DED4CE3}"/>
              </a:ext>
            </a:extLst>
          </p:cNvPr>
          <p:cNvSpPr txBox="1"/>
          <p:nvPr/>
        </p:nvSpPr>
        <p:spPr>
          <a:xfrm>
            <a:off x="6722038" y="5311091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63" name="TextBox 162">
            <a:extLst>
              <a:ext uri="{FF2B5EF4-FFF2-40B4-BE49-F238E27FC236}">
                <a16:creationId xmlns:a16="http://schemas.microsoft.com/office/drawing/2014/main" id="{7F8540D7-79BB-451D-AE7E-A0CB66B1CBF2}"/>
              </a:ext>
            </a:extLst>
          </p:cNvPr>
          <p:cNvSpPr txBox="1"/>
          <p:nvPr/>
        </p:nvSpPr>
        <p:spPr>
          <a:xfrm>
            <a:off x="4738860" y="5311627"/>
            <a:ext cx="220374" cy="276999"/>
          </a:xfrm>
          <a:prstGeom prst="rect">
            <a:avLst/>
          </a:prstGeom>
          <a:solidFill>
            <a:srgbClr val="C000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US" sz="1200" dirty="0">
              <a:latin typeface="Tinos" panose="02020603050405020304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164" name="Oval 163">
            <a:extLst>
              <a:ext uri="{FF2B5EF4-FFF2-40B4-BE49-F238E27FC236}">
                <a16:creationId xmlns:a16="http://schemas.microsoft.com/office/drawing/2014/main" id="{4B9EDB40-059F-4743-B7F0-995FB804E611}"/>
              </a:ext>
            </a:extLst>
          </p:cNvPr>
          <p:cNvSpPr/>
          <p:nvPr/>
        </p:nvSpPr>
        <p:spPr>
          <a:xfrm>
            <a:off x="4740159" y="4916871"/>
            <a:ext cx="228600" cy="228600"/>
          </a:xfrm>
          <a:prstGeom prst="ellipse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S</a:t>
            </a:r>
            <a:r>
              <a:rPr lang="en-US" sz="1200" baseline="-25000" dirty="0">
                <a:solidFill>
                  <a:schemeClr val="tx1"/>
                </a:solidFill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BEGIN</a:t>
            </a:r>
          </a:p>
        </p:txBody>
      </p:sp>
      <p:sp>
        <p:nvSpPr>
          <p:cNvPr id="165" name="Oval 164">
            <a:extLst>
              <a:ext uri="{FF2B5EF4-FFF2-40B4-BE49-F238E27FC236}">
                <a16:creationId xmlns:a16="http://schemas.microsoft.com/office/drawing/2014/main" id="{6723A991-CE40-47BE-8CC6-D6D5E7511F2E}"/>
              </a:ext>
            </a:extLst>
          </p:cNvPr>
          <p:cNvSpPr/>
          <p:nvPr/>
        </p:nvSpPr>
        <p:spPr>
          <a:xfrm>
            <a:off x="6723337" y="4913696"/>
            <a:ext cx="228600" cy="228600"/>
          </a:xfrm>
          <a:prstGeom prst="ellipse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S</a:t>
            </a:r>
            <a:r>
              <a:rPr lang="en-US" sz="1200" baseline="-25000" dirty="0">
                <a:solidFill>
                  <a:schemeClr val="tx1"/>
                </a:solidFill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END</a:t>
            </a:r>
          </a:p>
        </p:txBody>
      </p:sp>
      <p:cxnSp>
        <p:nvCxnSpPr>
          <p:cNvPr id="166" name="Straight Arrow Connector 165">
            <a:extLst>
              <a:ext uri="{FF2B5EF4-FFF2-40B4-BE49-F238E27FC236}">
                <a16:creationId xmlns:a16="http://schemas.microsoft.com/office/drawing/2014/main" id="{494BEC66-1ED3-47DB-8DCA-354A4EBF176F}"/>
              </a:ext>
            </a:extLst>
          </p:cNvPr>
          <p:cNvCxnSpPr>
            <a:cxnSpLocks/>
          </p:cNvCxnSpPr>
          <p:nvPr/>
        </p:nvCxnSpPr>
        <p:spPr>
          <a:xfrm>
            <a:off x="4853407" y="5145990"/>
            <a:ext cx="0" cy="16510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Straight Arrow Connector 166">
            <a:extLst>
              <a:ext uri="{FF2B5EF4-FFF2-40B4-BE49-F238E27FC236}">
                <a16:creationId xmlns:a16="http://schemas.microsoft.com/office/drawing/2014/main" id="{E743195F-83B6-4E7E-932B-A94A1F6C637C}"/>
              </a:ext>
            </a:extLst>
          </p:cNvPr>
          <p:cNvCxnSpPr>
            <a:cxnSpLocks/>
          </p:cNvCxnSpPr>
          <p:nvPr/>
        </p:nvCxnSpPr>
        <p:spPr>
          <a:xfrm>
            <a:off x="6837782" y="5145990"/>
            <a:ext cx="0" cy="16510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" name="TextBox 167">
            <a:extLst>
              <a:ext uri="{FF2B5EF4-FFF2-40B4-BE49-F238E27FC236}">
                <a16:creationId xmlns:a16="http://schemas.microsoft.com/office/drawing/2014/main" id="{777CE047-C0FE-4942-9D58-061AF50ED3D6}"/>
              </a:ext>
            </a:extLst>
          </p:cNvPr>
          <p:cNvSpPr txBox="1"/>
          <p:nvPr/>
        </p:nvSpPr>
        <p:spPr>
          <a:xfrm>
            <a:off x="4614831" y="5741444"/>
            <a:ext cx="34530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(e) Partial Reconstructed Execution</a:t>
            </a:r>
          </a:p>
          <a:p>
            <a:pPr algn="ctr"/>
            <a:r>
              <a:rPr lang="en-US" sz="1200" i="1" dirty="0">
                <a:latin typeface="Tinos" panose="02020603050405020304"/>
                <a:ea typeface="Tinos" panose="02020603050405020304" pitchFamily="18" charset="0"/>
                <a:cs typeface="Tinos" panose="02020603050405020304" pitchFamily="18" charset="0"/>
              </a:rPr>
              <a:t>(Requested accesses to resources are reproduced. Some resources are accessed partially)</a:t>
            </a:r>
          </a:p>
        </p:txBody>
      </p:sp>
    </p:spTree>
    <p:extLst>
      <p:ext uri="{BB962C8B-B14F-4D97-AF65-F5344CB8AC3E}">
        <p14:creationId xmlns:p14="http://schemas.microsoft.com/office/powerpoint/2010/main" val="11754341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2" fill="hold">
                      <p:stCondLst>
                        <p:cond delay="indefinite"/>
                      </p:stCondLst>
                      <p:childTnLst>
                        <p:par>
                          <p:cTn id="63" fill="hold">
                            <p:stCondLst>
                              <p:cond delay="0"/>
                            </p:stCondLst>
                            <p:childTnLst>
                              <p:par>
                                <p:cTn id="6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2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7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0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9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2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3" fill="hold">
                      <p:stCondLst>
                        <p:cond delay="indefinite"/>
                      </p:stCondLst>
                      <p:childTnLst>
                        <p:par>
                          <p:cTn id="134" fill="hold">
                            <p:stCondLst>
                              <p:cond delay="0"/>
                            </p:stCondLst>
                            <p:childTnLst>
                              <p:par>
                                <p:cTn id="1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7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0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3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6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9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2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5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8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1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4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7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3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6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9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2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5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8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1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4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7" dur="500"/>
                                        <p:tgtEl>
                                          <p:spTgt spid="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0" dur="500"/>
                                        <p:tgtEl>
                                          <p:spTgt spid="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3" dur="5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6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9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2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5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8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1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2" fill="hold">
                      <p:stCondLst>
                        <p:cond delay="indefinite"/>
                      </p:stCondLst>
                      <p:childTnLst>
                        <p:par>
                          <p:cTn id="223" fill="hold">
                            <p:stCondLst>
                              <p:cond delay="0"/>
                            </p:stCondLst>
                            <p:childTnLst>
                              <p:par>
                                <p:cTn id="2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6" dur="5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9" dur="5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2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5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8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1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4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7" dur="5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0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3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6" dur="5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9" dur="5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2" dur="5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5" dur="5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8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1" dur="500"/>
                                        <p:tgtEl>
                                          <p:spTgt spid="1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4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7" dur="500"/>
                                        <p:tgtEl>
                                          <p:spTgt spid="1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0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3" dur="5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6" dur="50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9" dur="500"/>
                                        <p:tgtEl>
                                          <p:spTgt spid="1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2" dur="500"/>
                                        <p:tgtEl>
                                          <p:spTgt spid="1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5" dur="5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8" dur="500"/>
                                        <p:tgtEl>
                                          <p:spTgt spid="1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1" dur="500"/>
                                        <p:tgtEl>
                                          <p:spTgt spid="1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2" fill="hold">
                      <p:stCondLst>
                        <p:cond delay="indefinite"/>
                      </p:stCondLst>
                      <p:childTnLst>
                        <p:par>
                          <p:cTn id="303" fill="hold">
                            <p:stCondLst>
                              <p:cond delay="0"/>
                            </p:stCondLst>
                            <p:childTnLst>
                              <p:par>
                                <p:cTn id="30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6" dur="500"/>
                                        <p:tgtEl>
                                          <p:spTgt spid="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9" dur="500"/>
                                        <p:tgtEl>
                                          <p:spTgt spid="1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2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5" dur="500"/>
                                        <p:tgtEl>
                                          <p:spTgt spid="1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8" dur="500"/>
                                        <p:tgtEl>
                                          <p:spTgt spid="1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1" dur="500"/>
                                        <p:tgtEl>
                                          <p:spTgt spid="1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4" dur="500"/>
                                        <p:tgtEl>
                                          <p:spTgt spid="1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7" dur="500"/>
                                        <p:tgtEl>
                                          <p:spTgt spid="1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0" dur="500"/>
                                        <p:tgtEl>
                                          <p:spTgt spid="1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3" dur="500"/>
                                        <p:tgtEl>
                                          <p:spTgt spid="1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6" dur="500"/>
                                        <p:tgtEl>
                                          <p:spTgt spid="1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9" dur="500"/>
                                        <p:tgtEl>
                                          <p:spTgt spid="1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2" dur="500"/>
                                        <p:tgtEl>
                                          <p:spTgt spid="1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5" dur="500"/>
                                        <p:tgtEl>
                                          <p:spTgt spid="1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8" dur="50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1" dur="500"/>
                                        <p:tgtEl>
                                          <p:spTgt spid="1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4" dur="500"/>
                                        <p:tgtEl>
                                          <p:spTgt spid="1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7" dur="500"/>
                                        <p:tgtEl>
                                          <p:spTgt spid="1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0" dur="500"/>
                                        <p:tgtEl>
                                          <p:spTgt spid="1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3" dur="500"/>
                                        <p:tgtEl>
                                          <p:spTgt spid="1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6" dur="500"/>
                                        <p:tgtEl>
                                          <p:spTgt spid="1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9" dur="500"/>
                                        <p:tgtEl>
                                          <p:spTgt spid="1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2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6" grpId="0" animBg="1"/>
      <p:bldP spid="7" grpId="0" animBg="1"/>
      <p:bldP spid="8" grpId="0" animBg="1"/>
      <p:bldP spid="9" grpId="0" animBg="1"/>
      <p:bldP spid="10" grpId="0" animBg="1"/>
      <p:bldP spid="11" grpId="0" animBg="1"/>
      <p:bldP spid="12" grpId="0" animBg="1"/>
      <p:bldP spid="13" grpId="0" animBg="1"/>
      <p:bldP spid="14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0" grpId="0" animBg="1"/>
      <p:bldP spid="22" grpId="0"/>
      <p:bldP spid="23" grpId="0"/>
      <p:bldP spid="44" grpId="0" animBg="1"/>
      <p:bldP spid="45" grpId="0" animBg="1"/>
      <p:bldP spid="46" grpId="0" animBg="1"/>
      <p:bldP spid="47" grpId="0" animBg="1"/>
      <p:bldP spid="48" grpId="0" animBg="1"/>
      <p:bldP spid="49" grpId="0" animBg="1"/>
      <p:bldP spid="50" grpId="0" animBg="1"/>
      <p:bldP spid="51" grpId="0" animBg="1"/>
      <p:bldP spid="52" grpId="0" animBg="1"/>
      <p:bldP spid="53" grpId="0" animBg="1"/>
      <p:bldP spid="54" grpId="0" animBg="1"/>
      <p:bldP spid="55" grpId="0" animBg="1"/>
      <p:bldP spid="56" grpId="0" animBg="1"/>
      <p:bldP spid="57" grpId="0" animBg="1"/>
      <p:bldP spid="58" grpId="0" animBg="1"/>
      <p:bldP spid="60" grpId="0"/>
      <p:bldP spid="61" grpId="0"/>
      <p:bldP spid="62" grpId="0"/>
      <p:bldP spid="63" grpId="0"/>
      <p:bldP spid="66" grpId="0" animBg="1"/>
      <p:bldP spid="67" grpId="0" animBg="1"/>
      <p:bldP spid="68" grpId="0" animBg="1"/>
      <p:bldP spid="69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5" grpId="0" animBg="1"/>
      <p:bldP spid="76" grpId="0" animBg="1"/>
      <p:bldP spid="77" grpId="0" animBg="1"/>
      <p:bldP spid="78" grpId="0" animBg="1"/>
      <p:bldP spid="79" grpId="0" animBg="1"/>
      <p:bldP spid="80" grpId="0" animBg="1"/>
      <p:bldP spid="81" grpId="0" animBg="1"/>
      <p:bldP spid="82" grpId="0" animBg="1"/>
      <p:bldP spid="83" grpId="0" animBg="1"/>
      <p:bldP spid="85" grpId="0"/>
      <p:bldP spid="86" grpId="0"/>
      <p:bldP spid="88" grpId="0"/>
      <p:bldP spid="93" grpId="0"/>
      <p:bldP spid="94" grpId="0"/>
      <p:bldP spid="95" grpId="0"/>
      <p:bldP spid="96" grpId="0"/>
      <p:bldP spid="97" grpId="0" animBg="1"/>
      <p:bldP spid="98" grpId="0" animBg="1"/>
      <p:bldP spid="99" grpId="0" animBg="1"/>
      <p:bldP spid="100" grpId="0" animBg="1"/>
      <p:bldP spid="101" grpId="0" animBg="1"/>
      <p:bldP spid="102" grpId="0" animBg="1"/>
      <p:bldP spid="103" grpId="0" animBg="1"/>
      <p:bldP spid="104" grpId="0" animBg="1"/>
      <p:bldP spid="105" grpId="0" animBg="1"/>
      <p:bldP spid="106" grpId="0" animBg="1"/>
      <p:bldP spid="107" grpId="0" animBg="1"/>
      <p:bldP spid="108" grpId="0" animBg="1"/>
      <p:bldP spid="109" grpId="0" animBg="1"/>
      <p:bldP spid="110" grpId="0" animBg="1"/>
      <p:bldP spid="111" grpId="0" animBg="1"/>
      <p:bldP spid="112" grpId="0" animBg="1"/>
      <p:bldP spid="114" grpId="0"/>
      <p:bldP spid="115" grpId="0"/>
      <p:bldP spid="117" grpId="0"/>
      <p:bldP spid="120" grpId="0" animBg="1"/>
      <p:bldP spid="121" grpId="0" animBg="1"/>
      <p:bldP spid="122" grpId="0" animBg="1"/>
      <p:bldP spid="147" grpId="0"/>
      <p:bldP spid="148" grpId="0" animBg="1"/>
      <p:bldP spid="149" grpId="0" animBg="1"/>
      <p:bldP spid="150" grpId="0" animBg="1"/>
      <p:bldP spid="151" grpId="0" animBg="1"/>
      <p:bldP spid="152" grpId="0" animBg="1"/>
      <p:bldP spid="153" grpId="0" animBg="1"/>
      <p:bldP spid="154" grpId="0" animBg="1"/>
      <p:bldP spid="155" grpId="0" animBg="1"/>
      <p:bldP spid="156" grpId="0" animBg="1"/>
      <p:bldP spid="157" grpId="0" animBg="1"/>
      <p:bldP spid="158" grpId="0" animBg="1"/>
      <p:bldP spid="159" grpId="0" animBg="1"/>
      <p:bldP spid="160" grpId="0" animBg="1"/>
      <p:bldP spid="161" grpId="0" animBg="1"/>
      <p:bldP spid="162" grpId="0" animBg="1"/>
      <p:bldP spid="163" grpId="0" animBg="1"/>
      <p:bldP spid="164" grpId="0"/>
      <p:bldP spid="165" grpId="0"/>
      <p:bldP spid="168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E9188E-1295-4850-A004-56E8E8D059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re details in the pap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D68404-F288-490A-8D21-0875AD6C1E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194238"/>
            <a:ext cx="10515600" cy="5606611"/>
          </a:xfrm>
        </p:spPr>
        <p:txBody>
          <a:bodyPr>
            <a:normAutofit/>
          </a:bodyPr>
          <a:lstStyle/>
          <a:p>
            <a:r>
              <a:rPr lang="en-US" b="1" dirty="0"/>
              <a:t>List of system calls categorized to each resource type</a:t>
            </a:r>
            <a:r>
              <a:rPr lang="en-US" dirty="0"/>
              <a:t>: random-access, sequential access, and timing-dependent</a:t>
            </a:r>
          </a:p>
          <a:p>
            <a:r>
              <a:rPr lang="en-US" b="1" dirty="0"/>
              <a:t>Formal definitions </a:t>
            </a:r>
            <a:r>
              <a:rPr lang="en-US" dirty="0"/>
              <a:t>for resource-based execution partitioning and reconstruction</a:t>
            </a:r>
          </a:p>
          <a:p>
            <a:r>
              <a:rPr lang="en-US" b="1" dirty="0"/>
              <a:t>What if the timeline reconstruction fails?</a:t>
            </a:r>
          </a:p>
          <a:p>
            <a:pPr lvl="1"/>
            <a:r>
              <a:rPr lang="en-US" b="1" dirty="0"/>
              <a:t>Timeline Projection Adjustment (TPA) Algorithm</a:t>
            </a:r>
          </a:p>
          <a:p>
            <a:pPr lvl="1"/>
            <a:r>
              <a:rPr lang="en-US" dirty="0"/>
              <a:t>Example</a:t>
            </a:r>
          </a:p>
          <a:p>
            <a:r>
              <a:rPr lang="en-US" b="1" dirty="0"/>
              <a:t>Attacks against C</a:t>
            </a:r>
            <a:r>
              <a:rPr lang="en-US" b="1" baseline="30000" dirty="0"/>
              <a:t>2</a:t>
            </a:r>
            <a:r>
              <a:rPr lang="en-US" b="1" dirty="0"/>
              <a:t>SR</a:t>
            </a:r>
          </a:p>
          <a:p>
            <a:pPr lvl="1"/>
            <a:r>
              <a:rPr lang="en-US" dirty="0"/>
              <a:t>An execution with high-degree of non-deterministic events will make the timeline reconstruct difficult</a:t>
            </a:r>
          </a:p>
          <a:p>
            <a:r>
              <a:rPr lang="en-US" dirty="0"/>
              <a:t>and more …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63F49D1-EFE8-4E54-9906-DE9EB19ED4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954660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BB1514-D142-48B6-81A5-045FEA8B95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valuation</a:t>
            </a:r>
            <a:r>
              <a:rPr lang="en-US" b="0" dirty="0"/>
              <a:t>: Performanc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D6AC2C-5084-4B09-A6B3-D31A8CA637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94239"/>
            <a:ext cx="11016509" cy="5162110"/>
          </a:xfrm>
        </p:spPr>
        <p:txBody>
          <a:bodyPr>
            <a:normAutofit/>
          </a:bodyPr>
          <a:lstStyle/>
          <a:p>
            <a:r>
              <a:rPr lang="en-US" dirty="0"/>
              <a:t>SPEC CPU2017: 0.8% for recording, 2% for reconstruction</a:t>
            </a:r>
            <a:endParaRPr lang="en-US" b="1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F773C81-D5CF-4200-BF03-7BB13B648F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3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7C2A3AF-CEDD-4CAB-8A7D-D7CE7C73B8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43084" y="1953270"/>
            <a:ext cx="7648631" cy="3887181"/>
          </a:xfrm>
          <a:prstGeom prst="rect">
            <a:avLst/>
          </a:prstGeom>
        </p:spPr>
      </p:pic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06ABD50-5924-480B-84E9-FBA083A877B6}"/>
              </a:ext>
            </a:extLst>
          </p:cNvPr>
          <p:cNvCxnSpPr/>
          <p:nvPr/>
        </p:nvCxnSpPr>
        <p:spPr>
          <a:xfrm>
            <a:off x="2895600" y="3829050"/>
            <a:ext cx="2895600" cy="0"/>
          </a:xfrm>
          <a:prstGeom prst="line">
            <a:avLst/>
          </a:prstGeom>
          <a:ln w="38100">
            <a:solidFill>
              <a:srgbClr val="FF0000">
                <a:alpha val="50196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EB8DC2A-3CB3-49D1-B3A7-156703E31FA9}"/>
              </a:ext>
            </a:extLst>
          </p:cNvPr>
          <p:cNvCxnSpPr/>
          <p:nvPr/>
        </p:nvCxnSpPr>
        <p:spPr>
          <a:xfrm>
            <a:off x="5951220" y="3200400"/>
            <a:ext cx="3185160" cy="0"/>
          </a:xfrm>
          <a:prstGeom prst="line">
            <a:avLst/>
          </a:prstGeom>
          <a:ln w="38100">
            <a:solidFill>
              <a:srgbClr val="FF0000">
                <a:alpha val="50196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85130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4A540C-CF03-4021-9453-C24663C208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valuation</a:t>
            </a:r>
            <a:r>
              <a:rPr lang="en-US" b="0" dirty="0"/>
              <a:t>: Performanc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3F49C6-C41A-4A99-BA5E-EDCFDD73E3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lient applications: 5.47% for recording, 8.32 for reconstruc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CA7272-5FD3-4B2A-A6F4-B428D8F6FE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4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DD75018-7B93-4A93-99F7-16BC725F717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65874" y="1693495"/>
            <a:ext cx="8660252" cy="4309208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3681AABC-E3FA-4D1E-A103-8030C3262F14}"/>
              </a:ext>
            </a:extLst>
          </p:cNvPr>
          <p:cNvSpPr/>
          <p:nvPr/>
        </p:nvSpPr>
        <p:spPr>
          <a:xfrm>
            <a:off x="9044496" y="2667000"/>
            <a:ext cx="859409" cy="1958974"/>
          </a:xfrm>
          <a:prstGeom prst="rect">
            <a:avLst/>
          </a:prstGeom>
          <a:noFill/>
          <a:ln w="28575">
            <a:solidFill>
              <a:srgbClr val="FF00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74985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773C8C-1BC1-4AB3-8C21-9EEB2F5EE8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valuation</a:t>
            </a:r>
            <a:r>
              <a:rPr lang="en-US" b="0" dirty="0"/>
              <a:t>: Effectiveness</a:t>
            </a:r>
            <a:endParaRPr lang="en-US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10233770-6C5C-4CEA-B5C5-C209E21996A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424085" y="2084375"/>
            <a:ext cx="7343829" cy="3381400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9DEA83C-E585-4A46-A721-B1931A9989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5</a:t>
            </a:fld>
            <a:endParaRPr 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EE8C9AD-6987-4E31-B8EC-1E2327AC13EC}"/>
              </a:ext>
            </a:extLst>
          </p:cNvPr>
          <p:cNvSpPr/>
          <p:nvPr/>
        </p:nvSpPr>
        <p:spPr>
          <a:xfrm>
            <a:off x="4916996" y="2457450"/>
            <a:ext cx="1382204" cy="2552700"/>
          </a:xfrm>
          <a:prstGeom prst="rect">
            <a:avLst/>
          </a:prstGeom>
          <a:noFill/>
          <a:ln w="28575">
            <a:solidFill>
              <a:srgbClr val="FF00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EA92FC6-B11C-4E73-9EAC-B7F6866B9B54}"/>
              </a:ext>
            </a:extLst>
          </p:cNvPr>
          <p:cNvSpPr/>
          <p:nvPr/>
        </p:nvSpPr>
        <p:spPr>
          <a:xfrm>
            <a:off x="6390196" y="2457450"/>
            <a:ext cx="1267904" cy="2552700"/>
          </a:xfrm>
          <a:prstGeom prst="rect">
            <a:avLst/>
          </a:prstGeom>
          <a:noFill/>
          <a:ln w="28575">
            <a:solidFill>
              <a:srgbClr val="FF00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540F140-948E-4A61-929E-87DDE201DBBC}"/>
              </a:ext>
            </a:extLst>
          </p:cNvPr>
          <p:cNvSpPr/>
          <p:nvPr/>
        </p:nvSpPr>
        <p:spPr>
          <a:xfrm>
            <a:off x="7749096" y="2457450"/>
            <a:ext cx="823404" cy="2552700"/>
          </a:xfrm>
          <a:prstGeom prst="rect">
            <a:avLst/>
          </a:prstGeom>
          <a:noFill/>
          <a:ln w="28575">
            <a:solidFill>
              <a:srgbClr val="FF00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EEE5F234-D8C5-4297-B149-74AE0D238367}"/>
              </a:ext>
            </a:extLst>
          </p:cNvPr>
          <p:cNvSpPr/>
          <p:nvPr/>
        </p:nvSpPr>
        <p:spPr>
          <a:xfrm>
            <a:off x="8663496" y="2457450"/>
            <a:ext cx="912304" cy="2552700"/>
          </a:xfrm>
          <a:prstGeom prst="rect">
            <a:avLst/>
          </a:prstGeom>
          <a:noFill/>
          <a:ln w="28575">
            <a:solidFill>
              <a:srgbClr val="FF00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97870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500"/>
                            </p:stCondLst>
                            <p:childTnLst>
                              <p:par>
                                <p:cTn id="1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7" grpId="1" animBg="1"/>
      <p:bldP spid="8" grpId="0" animBg="1"/>
      <p:bldP spid="8" grpId="1" animBg="1"/>
      <p:bldP spid="9" grpId="0" animBg="1"/>
      <p:bldP spid="9" grpId="1" animBg="1"/>
      <p:bldP spid="10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53DDBCCC-2F1C-41F6-9E94-16D97327673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4159" y="3970406"/>
            <a:ext cx="6697841" cy="267597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6B0C893B-B576-44AB-811D-FC9A312F5A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lated wor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D0E644-9E51-4006-8B4D-14037AE9796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194238"/>
            <a:ext cx="10515600" cy="5568511"/>
          </a:xfrm>
        </p:spPr>
        <p:txBody>
          <a:bodyPr>
            <a:normAutofit/>
          </a:bodyPr>
          <a:lstStyle/>
          <a:p>
            <a:r>
              <a:rPr lang="en-US" dirty="0"/>
              <a:t>Record and replay techniques</a:t>
            </a:r>
          </a:p>
          <a:p>
            <a:pPr lvl="1"/>
            <a:r>
              <a:rPr lang="en-US" dirty="0"/>
              <a:t>Deterministic faithful replay </a:t>
            </a:r>
          </a:p>
          <a:p>
            <a:pPr lvl="2"/>
            <a:r>
              <a:rPr lang="en-US" dirty="0"/>
              <a:t>PRES (SOSP’09),  ODR (SOSP’09), CLAP (PLDI’13), Strata (ASPLOS’06), …</a:t>
            </a:r>
          </a:p>
          <a:p>
            <a:pPr lvl="1"/>
            <a:r>
              <a:rPr lang="en-US" dirty="0"/>
              <a:t>Forensic analysis </a:t>
            </a:r>
          </a:p>
          <a:p>
            <a:pPr lvl="2"/>
            <a:r>
              <a:rPr lang="en-US" dirty="0"/>
              <a:t>LASER (SOSP’05), Sam. King et al. (SOSP’03), BEEP (NDSS’13), MPI (SEC’17), …</a:t>
            </a:r>
          </a:p>
          <a:p>
            <a:pPr lvl="1"/>
            <a:r>
              <a:rPr lang="en-US" dirty="0"/>
              <a:t>Replay based forensics</a:t>
            </a:r>
          </a:p>
          <a:p>
            <a:pPr lvl="2"/>
            <a:r>
              <a:rPr lang="en-US" dirty="0"/>
              <a:t>Jim et al. (ATC’08), </a:t>
            </a:r>
            <a:r>
              <a:rPr lang="en-US" dirty="0" err="1"/>
              <a:t>Revirt</a:t>
            </a:r>
            <a:r>
              <a:rPr lang="en-US" dirty="0"/>
              <a:t> (OSDI’02), RAIN (CCS’17), Yang et al. (CCS’18), …</a:t>
            </a:r>
          </a:p>
          <a:p>
            <a:pPr lvl="1"/>
            <a:r>
              <a:rPr lang="en-US" dirty="0"/>
              <a:t>Browser-specific approaches</a:t>
            </a:r>
          </a:p>
          <a:p>
            <a:pPr lvl="2"/>
            <a:r>
              <a:rPr lang="en-US" dirty="0" err="1"/>
              <a:t>Webcapsule</a:t>
            </a:r>
            <a:r>
              <a:rPr lang="en-US" dirty="0"/>
              <a:t> (CCS’15), </a:t>
            </a:r>
            <a:r>
              <a:rPr lang="en-US" dirty="0" err="1"/>
              <a:t>MugShot</a:t>
            </a:r>
            <a:r>
              <a:rPr lang="en-US" dirty="0"/>
              <a:t> </a:t>
            </a:r>
            <a:br>
              <a:rPr lang="en-US" dirty="0"/>
            </a:br>
            <a:r>
              <a:rPr lang="en-US" dirty="0"/>
              <a:t>(NSDI’10), </a:t>
            </a:r>
            <a:r>
              <a:rPr lang="en-US" dirty="0" err="1"/>
              <a:t>JSGraph</a:t>
            </a:r>
            <a:r>
              <a:rPr lang="en-US" dirty="0"/>
              <a:t> (NDSS’18), </a:t>
            </a:r>
            <a:br>
              <a:rPr lang="en-US" dirty="0"/>
            </a:br>
            <a:r>
              <a:rPr lang="en-US" dirty="0" err="1"/>
              <a:t>ClickMiner</a:t>
            </a:r>
            <a:r>
              <a:rPr lang="en-US" dirty="0"/>
              <a:t> (CCS’14), …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66FE300-A6A6-4415-9F39-843854938A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204558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4" name="Picture 4" descr="Image result for facebook">
            <a:extLst>
              <a:ext uri="{FF2B5EF4-FFF2-40B4-BE49-F238E27FC236}">
                <a16:creationId xmlns:a16="http://schemas.microsoft.com/office/drawing/2014/main" id="{D09E66ED-289C-47B7-8060-F4E8D0C584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05764" y="5415922"/>
            <a:ext cx="1538128" cy="1233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4DAEF87-9401-47D9-8882-49F529D780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sion and Q &amp; 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06E57F0-B160-4699-9E57-80872D7C2C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/>
              <a:t>C</a:t>
            </a:r>
            <a:r>
              <a:rPr lang="en-US" sz="3200" baseline="30000" dirty="0"/>
              <a:t>2</a:t>
            </a:r>
            <a:r>
              <a:rPr lang="en-US" sz="3200" dirty="0"/>
              <a:t>SR enables effective cybercrime scene reconstruction via</a:t>
            </a:r>
          </a:p>
          <a:p>
            <a:pPr lvl="1"/>
            <a:r>
              <a:rPr lang="en-US" sz="2800" b="1" u="sng" dirty="0"/>
              <a:t>Resource-based execution partitioning</a:t>
            </a:r>
          </a:p>
          <a:p>
            <a:pPr lvl="1"/>
            <a:r>
              <a:rPr lang="en-US" sz="2800" b="1" u="sng" dirty="0"/>
              <a:t>Resource reconstruction</a:t>
            </a:r>
          </a:p>
          <a:p>
            <a:r>
              <a:rPr lang="en-US" sz="3200" dirty="0"/>
              <a:t>It can reconstruct </a:t>
            </a:r>
            <a:r>
              <a:rPr lang="en-US" sz="3200" b="1" u="sng" dirty="0"/>
              <a:t>partial</a:t>
            </a:r>
            <a:r>
              <a:rPr lang="en-US" sz="3200" b="1" dirty="0"/>
              <a:t> </a:t>
            </a:r>
            <a:r>
              <a:rPr lang="en-US" sz="3200" dirty="0"/>
              <a:t>execution that is </a:t>
            </a:r>
            <a:r>
              <a:rPr lang="en-US" sz="3200" b="1" u="sng" dirty="0"/>
              <a:t>interactable</a:t>
            </a:r>
            <a:r>
              <a:rPr lang="en-US" sz="3200" dirty="0"/>
              <a:t> </a:t>
            </a:r>
          </a:p>
          <a:p>
            <a:pPr marL="0" indent="0">
              <a:buNone/>
            </a:pPr>
            <a:endParaRPr lang="en-US" sz="1600" dirty="0"/>
          </a:p>
          <a:p>
            <a:pPr marL="0" indent="0" algn="ctr">
              <a:buNone/>
            </a:pPr>
            <a:r>
              <a:rPr lang="en-US" dirty="0"/>
              <a:t>Yonghwi Kwon, </a:t>
            </a:r>
            <a:r>
              <a:rPr lang="en-US" b="1" dirty="0"/>
              <a:t>University of Virginia </a:t>
            </a:r>
            <a:r>
              <a:rPr lang="en-US" dirty="0"/>
              <a:t>(http://yongkwon.info)</a:t>
            </a:r>
          </a:p>
          <a:p>
            <a:pPr marL="0" indent="0" algn="ctr">
              <a:buNone/>
            </a:pPr>
            <a:endParaRPr lang="en-US" sz="2000" dirty="0"/>
          </a:p>
          <a:p>
            <a:pPr marL="0" indent="0" algn="ctr">
              <a:buNone/>
            </a:pPr>
            <a:r>
              <a:rPr lang="en-US" dirty="0"/>
              <a:t>Supported by NSF, ONR, Mozilla, and Facebook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0F1472E-C754-404E-BE76-6160AAC0FD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7</a:t>
            </a:fld>
            <a:endParaRPr lang="en-US"/>
          </a:p>
        </p:txBody>
      </p:sp>
      <p:pic>
        <p:nvPicPr>
          <p:cNvPr id="10" name="Picture 2" descr="Image result for nsf">
            <a:extLst>
              <a:ext uri="{FF2B5EF4-FFF2-40B4-BE49-F238E27FC236}">
                <a16:creationId xmlns:a16="http://schemas.microsoft.com/office/drawing/2014/main" id="{97FA4B6D-C0BC-49FC-9AD7-4E741367160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1958" y="5359884"/>
            <a:ext cx="1291315" cy="1297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" descr="Image result for onr logo">
            <a:extLst>
              <a:ext uri="{FF2B5EF4-FFF2-40B4-BE49-F238E27FC236}">
                <a16:creationId xmlns:a16="http://schemas.microsoft.com/office/drawing/2014/main" id="{CBE705D6-AE2E-4E3A-AA19-8A7E6F8FB1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4533" y="5465553"/>
            <a:ext cx="2381250" cy="10858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4" descr="Image result for mozilla">
            <a:extLst>
              <a:ext uri="{FF2B5EF4-FFF2-40B4-BE49-F238E27FC236}">
                <a16:creationId xmlns:a16="http://schemas.microsoft.com/office/drawing/2014/main" id="{F4C6BD66-74AD-4EB0-AD93-0F8D945B227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5783" y="5421185"/>
            <a:ext cx="1731818" cy="12358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5097748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5E9553AF-9A93-4E03-A960-E2A683B58784}"/>
              </a:ext>
            </a:extLst>
          </p:cNvPr>
          <p:cNvSpPr/>
          <p:nvPr/>
        </p:nvSpPr>
        <p:spPr>
          <a:xfrm>
            <a:off x="3810002" y="1621875"/>
            <a:ext cx="5410197" cy="792713"/>
          </a:xfrm>
          <a:prstGeom prst="rect">
            <a:avLst/>
          </a:prstGeom>
          <a:solidFill>
            <a:srgbClr val="FFC000">
              <a:alpha val="20000"/>
            </a:srgbClr>
          </a:solidFill>
          <a:ln w="6350"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CD545B-862B-45DE-8AA9-488000558C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se study: Fileless JavaScript Attack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D797FF7-AFFC-457C-B317-ADE2F7EDC3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8</a:t>
            </a:fld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4B81DE1E-902E-4297-A3DA-4083F1BE09B5}"/>
              </a:ext>
            </a:extLst>
          </p:cNvPr>
          <p:cNvSpPr/>
          <p:nvPr/>
        </p:nvSpPr>
        <p:spPr>
          <a:xfrm>
            <a:off x="4208448" y="1621875"/>
            <a:ext cx="4573099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new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>
                <a:solidFill>
                  <a:srgbClr val="7A3E9D"/>
                </a:solidFill>
                <a:latin typeface="Consolas" panose="020B0609020204030204" pitchFamily="49" charset="0"/>
              </a:rPr>
              <a:t>WebSocke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.../mal.js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onmessag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tob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ata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;</a:t>
            </a:r>
          </a:p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benign_compromise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var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Elemen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</a:t>
            </a:r>
            <a:r>
              <a:rPr lang="en-US" sz="1200" i="1" dirty="0" err="1">
                <a:solidFill>
                  <a:srgbClr val="AAAAAA"/>
                </a:solidFill>
                <a:latin typeface="Consolas" panose="020B0609020204030204" pitchFamily="49" charset="0"/>
              </a:rPr>
              <a:t>sc.src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 = "http://.../benign.js"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TextNod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 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 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getElementsByTagNam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hea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[</a:t>
            </a:r>
            <a:r>
              <a:rPr lang="en-US" sz="1200" dirty="0">
                <a:solidFill>
                  <a:srgbClr val="9C5D27"/>
                </a:solidFill>
                <a:latin typeface="Consolas" panose="020B0609020204030204" pitchFamily="49" charset="0"/>
              </a:rPr>
              <a:t>0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]</a:t>
            </a:r>
            <a:b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</a:b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        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</a:t>
            </a:r>
          </a:p>
          <a:p>
            <a:r>
              <a:rPr lang="en-US" sz="1200" b="0" dirty="0">
                <a:solidFill>
                  <a:srgbClr val="777777"/>
                </a:solidFill>
                <a:effectLst/>
                <a:latin typeface="Consolas" panose="020B0609020204030204" pitchFamily="49" charset="0"/>
              </a:rPr>
              <a:t>...</a:t>
            </a: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 </a:t>
            </a:r>
            <a:r>
              <a:rPr lang="en-US" sz="1200" i="1" dirty="0">
                <a:solidFill>
                  <a:srgbClr val="8190A0"/>
                </a:solidFill>
                <a:latin typeface="Consolas" panose="020B0609020204030204" pitchFamily="49" charset="0"/>
              </a:rPr>
              <a:t>typ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text/</a:t>
            </a:r>
            <a:r>
              <a:rPr lang="en-US" sz="1200" dirty="0" err="1">
                <a:solidFill>
                  <a:srgbClr val="448C27"/>
                </a:solidFill>
                <a:latin typeface="Consolas" panose="020B0609020204030204" pitchFamily="49" charset="0"/>
              </a:rPr>
              <a:t>java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 download a malicious binary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/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7F455C2-8DC3-420F-B59C-A4C4DBE20701}"/>
              </a:ext>
            </a:extLst>
          </p:cNvPr>
          <p:cNvSpPr/>
          <p:nvPr/>
        </p:nvSpPr>
        <p:spPr>
          <a:xfrm>
            <a:off x="3773855" y="1621875"/>
            <a:ext cx="385010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1200" dirty="0">
                <a:latin typeface="Consolas" panose="020B0609020204030204" pitchFamily="49" charset="0"/>
              </a:rPr>
              <a:t>1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6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7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8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9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0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1</a:t>
            </a:r>
          </a:p>
          <a:p>
            <a:pPr algn="r"/>
            <a:endParaRPr lang="en-US" sz="1200" dirty="0">
              <a:latin typeface="Consolas" panose="020B0609020204030204" pitchFamily="49" charset="0"/>
            </a:endParaRP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6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C46A3469-8081-455D-B8C1-63435BCD1D28}"/>
              </a:ext>
            </a:extLst>
          </p:cNvPr>
          <p:cNvCxnSpPr>
            <a:cxnSpLocks/>
          </p:cNvCxnSpPr>
          <p:nvPr/>
        </p:nvCxnSpPr>
        <p:spPr>
          <a:xfrm>
            <a:off x="4183656" y="1621875"/>
            <a:ext cx="0" cy="3217162"/>
          </a:xfrm>
          <a:prstGeom prst="line">
            <a:avLst/>
          </a:prstGeom>
          <a:ln w="28575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9A62166A-7D70-47ED-A3AA-3D33D9CF9295}"/>
              </a:ext>
            </a:extLst>
          </p:cNvPr>
          <p:cNvSpPr/>
          <p:nvPr/>
        </p:nvSpPr>
        <p:spPr>
          <a:xfrm>
            <a:off x="3515989" y="5126305"/>
            <a:ext cx="5109850" cy="631178"/>
          </a:xfrm>
          <a:prstGeom prst="rect">
            <a:avLst/>
          </a:prstGeom>
          <a:noFill/>
          <a:ln w="63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2ED8248D-CB11-44D4-88D1-581CA3E02DC1}"/>
              </a:ext>
            </a:extLst>
          </p:cNvPr>
          <p:cNvSpPr txBox="1"/>
          <p:nvPr/>
        </p:nvSpPr>
        <p:spPr>
          <a:xfrm>
            <a:off x="5728241" y="4948515"/>
            <a:ext cx="854167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Legend</a:t>
            </a: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F6BCC764-D90B-40D9-B898-6311C0985215}"/>
              </a:ext>
            </a:extLst>
          </p:cNvPr>
          <p:cNvSpPr/>
          <p:nvPr/>
        </p:nvSpPr>
        <p:spPr>
          <a:xfrm>
            <a:off x="3671499" y="5335193"/>
            <a:ext cx="197775" cy="19777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C</a:t>
            </a: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F42D834D-67D3-461C-9C81-2F4AEEEBD2A6}"/>
              </a:ext>
            </a:extLst>
          </p:cNvPr>
          <p:cNvSpPr/>
          <p:nvPr/>
        </p:nvSpPr>
        <p:spPr>
          <a:xfrm>
            <a:off x="5865857" y="5346308"/>
            <a:ext cx="197775" cy="197775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B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1A38543E-C8A2-444D-8AC1-895CEE88EFBD}"/>
              </a:ext>
            </a:extLst>
          </p:cNvPr>
          <p:cNvSpPr txBox="1"/>
          <p:nvPr/>
        </p:nvSpPr>
        <p:spPr>
          <a:xfrm>
            <a:off x="3906168" y="5172471"/>
            <a:ext cx="174631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Code Changed by the Malicious Attacker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B6D743C3-654B-4C28-805A-7E6B857D001E}"/>
              </a:ext>
            </a:extLst>
          </p:cNvPr>
          <p:cNvSpPr txBox="1"/>
          <p:nvPr/>
        </p:nvSpPr>
        <p:spPr>
          <a:xfrm>
            <a:off x="6096000" y="5172471"/>
            <a:ext cx="24368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Breakpoint to Inspect Program States (e.g., Variables)</a:t>
            </a:r>
          </a:p>
        </p:txBody>
      </p:sp>
    </p:spTree>
    <p:extLst>
      <p:ext uri="{BB962C8B-B14F-4D97-AF65-F5344CB8AC3E}">
        <p14:creationId xmlns:p14="http://schemas.microsoft.com/office/powerpoint/2010/main" val="398904071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5E9553AF-9A93-4E03-A960-E2A683B58784}"/>
              </a:ext>
            </a:extLst>
          </p:cNvPr>
          <p:cNvSpPr/>
          <p:nvPr/>
        </p:nvSpPr>
        <p:spPr>
          <a:xfrm>
            <a:off x="3810003" y="2580335"/>
            <a:ext cx="5372098" cy="205727"/>
          </a:xfrm>
          <a:prstGeom prst="rect">
            <a:avLst/>
          </a:prstGeom>
          <a:solidFill>
            <a:srgbClr val="FFC000">
              <a:alpha val="20000"/>
            </a:srgbClr>
          </a:solidFill>
          <a:ln w="6350"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B98FFA2-9797-4450-8356-A1D77CC5A6CA}"/>
              </a:ext>
            </a:extLst>
          </p:cNvPr>
          <p:cNvSpPr/>
          <p:nvPr/>
        </p:nvSpPr>
        <p:spPr>
          <a:xfrm>
            <a:off x="3810003" y="3137224"/>
            <a:ext cx="5372098" cy="205727"/>
          </a:xfrm>
          <a:prstGeom prst="rect">
            <a:avLst/>
          </a:prstGeom>
          <a:solidFill>
            <a:srgbClr val="FFC000">
              <a:alpha val="20000"/>
            </a:srgbClr>
          </a:solidFill>
          <a:ln w="6350"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CD545B-862B-45DE-8AA9-488000558C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se study: Fileless JavaScript Attack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D797FF7-AFFC-457C-B317-ADE2F7EDC3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19</a:t>
            </a:fld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4B81DE1E-902E-4297-A3DA-4083F1BE09B5}"/>
              </a:ext>
            </a:extLst>
          </p:cNvPr>
          <p:cNvSpPr/>
          <p:nvPr/>
        </p:nvSpPr>
        <p:spPr>
          <a:xfrm>
            <a:off x="4208448" y="1621875"/>
            <a:ext cx="4573099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new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>
                <a:solidFill>
                  <a:srgbClr val="7A3E9D"/>
                </a:solidFill>
                <a:latin typeface="Consolas" panose="020B0609020204030204" pitchFamily="49" charset="0"/>
              </a:rPr>
              <a:t>WebSocke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.../mal.js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onmessag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tob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ata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;</a:t>
            </a:r>
          </a:p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benign_compromise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var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Elemen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</a:t>
            </a:r>
            <a:r>
              <a:rPr lang="en-US" sz="1200" i="1" dirty="0" err="1">
                <a:solidFill>
                  <a:srgbClr val="AAAAAA"/>
                </a:solidFill>
                <a:latin typeface="Consolas" panose="020B0609020204030204" pitchFamily="49" charset="0"/>
              </a:rPr>
              <a:t>sc.src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 = "http://.../benign.js"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TextNod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 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 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getElementsByTagNam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hea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[</a:t>
            </a:r>
            <a:r>
              <a:rPr lang="en-US" sz="1200" dirty="0">
                <a:solidFill>
                  <a:srgbClr val="9C5D27"/>
                </a:solidFill>
                <a:latin typeface="Consolas" panose="020B0609020204030204" pitchFamily="49" charset="0"/>
              </a:rPr>
              <a:t>0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]</a:t>
            </a:r>
            <a:b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</a:b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        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</a:t>
            </a:r>
          </a:p>
          <a:p>
            <a:r>
              <a:rPr lang="en-US" sz="1200" b="0" dirty="0">
                <a:solidFill>
                  <a:srgbClr val="777777"/>
                </a:solidFill>
                <a:effectLst/>
                <a:latin typeface="Consolas" panose="020B0609020204030204" pitchFamily="49" charset="0"/>
              </a:rPr>
              <a:t>...</a:t>
            </a: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 </a:t>
            </a:r>
            <a:r>
              <a:rPr lang="en-US" sz="1200" i="1" dirty="0">
                <a:solidFill>
                  <a:srgbClr val="8190A0"/>
                </a:solidFill>
                <a:latin typeface="Consolas" panose="020B0609020204030204" pitchFamily="49" charset="0"/>
              </a:rPr>
              <a:t>typ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text/</a:t>
            </a:r>
            <a:r>
              <a:rPr lang="en-US" sz="1200" dirty="0" err="1">
                <a:solidFill>
                  <a:srgbClr val="448C27"/>
                </a:solidFill>
                <a:latin typeface="Consolas" panose="020B0609020204030204" pitchFamily="49" charset="0"/>
              </a:rPr>
              <a:t>java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 download a malicious binary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/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7F455C2-8DC3-420F-B59C-A4C4DBE20701}"/>
              </a:ext>
            </a:extLst>
          </p:cNvPr>
          <p:cNvSpPr/>
          <p:nvPr/>
        </p:nvSpPr>
        <p:spPr>
          <a:xfrm>
            <a:off x="3773855" y="1621875"/>
            <a:ext cx="385010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1200" dirty="0">
                <a:latin typeface="Consolas" panose="020B0609020204030204" pitchFamily="49" charset="0"/>
              </a:rPr>
              <a:t>1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6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7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8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9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0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1</a:t>
            </a:r>
          </a:p>
          <a:p>
            <a:pPr algn="r"/>
            <a:endParaRPr lang="en-US" sz="1200" dirty="0">
              <a:latin typeface="Consolas" panose="020B0609020204030204" pitchFamily="49" charset="0"/>
            </a:endParaRP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6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C46A3469-8081-455D-B8C1-63435BCD1D28}"/>
              </a:ext>
            </a:extLst>
          </p:cNvPr>
          <p:cNvCxnSpPr>
            <a:cxnSpLocks/>
          </p:cNvCxnSpPr>
          <p:nvPr/>
        </p:nvCxnSpPr>
        <p:spPr>
          <a:xfrm>
            <a:off x="4183656" y="1621875"/>
            <a:ext cx="0" cy="3217162"/>
          </a:xfrm>
          <a:prstGeom prst="line">
            <a:avLst/>
          </a:prstGeom>
          <a:ln w="28575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9A62166A-7D70-47ED-A3AA-3D33D9CF9295}"/>
              </a:ext>
            </a:extLst>
          </p:cNvPr>
          <p:cNvSpPr/>
          <p:nvPr/>
        </p:nvSpPr>
        <p:spPr>
          <a:xfrm>
            <a:off x="3515989" y="5126305"/>
            <a:ext cx="5109850" cy="631178"/>
          </a:xfrm>
          <a:prstGeom prst="rect">
            <a:avLst/>
          </a:prstGeom>
          <a:noFill/>
          <a:ln w="63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2ED8248D-CB11-44D4-88D1-581CA3E02DC1}"/>
              </a:ext>
            </a:extLst>
          </p:cNvPr>
          <p:cNvSpPr txBox="1"/>
          <p:nvPr/>
        </p:nvSpPr>
        <p:spPr>
          <a:xfrm>
            <a:off x="5728241" y="4948515"/>
            <a:ext cx="854167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Legend</a:t>
            </a: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F6BCC764-D90B-40D9-B898-6311C0985215}"/>
              </a:ext>
            </a:extLst>
          </p:cNvPr>
          <p:cNvSpPr/>
          <p:nvPr/>
        </p:nvSpPr>
        <p:spPr>
          <a:xfrm>
            <a:off x="3671499" y="5335193"/>
            <a:ext cx="197775" cy="19777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C</a:t>
            </a: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F42D834D-67D3-461C-9C81-2F4AEEEBD2A6}"/>
              </a:ext>
            </a:extLst>
          </p:cNvPr>
          <p:cNvSpPr/>
          <p:nvPr/>
        </p:nvSpPr>
        <p:spPr>
          <a:xfrm>
            <a:off x="5865857" y="5346308"/>
            <a:ext cx="197775" cy="197775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B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1A38543E-C8A2-444D-8AC1-895CEE88EFBD}"/>
              </a:ext>
            </a:extLst>
          </p:cNvPr>
          <p:cNvSpPr txBox="1"/>
          <p:nvPr/>
        </p:nvSpPr>
        <p:spPr>
          <a:xfrm>
            <a:off x="3906168" y="5172471"/>
            <a:ext cx="174631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Code Changed by the Malicious Attacker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B6D743C3-654B-4C28-805A-7E6B857D001E}"/>
              </a:ext>
            </a:extLst>
          </p:cNvPr>
          <p:cNvSpPr txBox="1"/>
          <p:nvPr/>
        </p:nvSpPr>
        <p:spPr>
          <a:xfrm>
            <a:off x="6096000" y="5172471"/>
            <a:ext cx="24368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Breakpoint to Inspect Program States (e.g., Variables)</a:t>
            </a:r>
          </a:p>
        </p:txBody>
      </p:sp>
    </p:spTree>
    <p:extLst>
      <p:ext uri="{BB962C8B-B14F-4D97-AF65-F5344CB8AC3E}">
        <p14:creationId xmlns:p14="http://schemas.microsoft.com/office/powerpoint/2010/main" val="12759947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u="sng" dirty="0"/>
              <a:t>C</a:t>
            </a:r>
            <a:r>
              <a:rPr lang="en-US" dirty="0"/>
              <a:t>rime </a:t>
            </a:r>
            <a:r>
              <a:rPr lang="en-US" u="sng" dirty="0"/>
              <a:t>S</a:t>
            </a:r>
            <a:r>
              <a:rPr lang="en-US" dirty="0"/>
              <a:t>cene </a:t>
            </a:r>
            <a:r>
              <a:rPr lang="en-US" u="sng" dirty="0"/>
              <a:t>R</a:t>
            </a:r>
            <a:r>
              <a:rPr lang="en-US" dirty="0"/>
              <a:t>econstruction (CSR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2</a:t>
            </a:fld>
            <a:endParaRPr lang="en-US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8831CEE-9CCE-4855-BD51-4118B2B912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194239"/>
            <a:ext cx="4137045" cy="5162110"/>
          </a:xfrm>
        </p:spPr>
        <p:txBody>
          <a:bodyPr anchor="ctr"/>
          <a:lstStyle/>
          <a:p>
            <a:pPr marL="0" indent="0">
              <a:buNone/>
            </a:pPr>
            <a:r>
              <a:rPr lang="en-US" dirty="0">
                <a:solidFill>
                  <a:schemeClr val="bg1">
                    <a:lumMod val="65000"/>
                  </a:schemeClr>
                </a:solidFill>
              </a:rPr>
              <a:t>the forensic science discipline that</a:t>
            </a:r>
            <a:r>
              <a:rPr lang="en-US" dirty="0"/>
              <a:t> </a:t>
            </a:r>
            <a:r>
              <a:rPr lang="en-US" b="1" dirty="0"/>
              <a:t>aims to gain explicit knowledge of the series of events that surround the commission of a crime </a:t>
            </a:r>
            <a:r>
              <a:rPr lang="en-US" dirty="0">
                <a:solidFill>
                  <a:schemeClr val="bg1">
                    <a:lumMod val="65000"/>
                  </a:schemeClr>
                </a:solidFill>
              </a:rPr>
              <a:t>using deductive and inductive reasoning, physical evidence, scientific methods, and their interrelationships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B52FD50A-2A8E-4E9C-8450-074B66D810B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48188" y="1192663"/>
            <a:ext cx="6943812" cy="53597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A9B26D9D-D21F-4DB8-94AF-67A8522818CC}"/>
              </a:ext>
            </a:extLst>
          </p:cNvPr>
          <p:cNvSpPr/>
          <p:nvPr/>
        </p:nvSpPr>
        <p:spPr>
          <a:xfrm>
            <a:off x="0" y="5589350"/>
            <a:ext cx="12192000" cy="126865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dirty="0">
                <a:latin typeface="Saira SemiCondensed" panose="00000506000000000000" pitchFamily="2" charset="0"/>
              </a:rPr>
              <a:t>an invaluable component of post-mortem forensic</a:t>
            </a:r>
          </a:p>
          <a:p>
            <a:pPr algn="ctr"/>
            <a:r>
              <a:rPr lang="en-US" sz="3200" dirty="0">
                <a:latin typeface="Saira SemiCondensed" panose="00000506000000000000" pitchFamily="2" charset="0"/>
              </a:rPr>
              <a:t>analysis, providing a more intuitive understanding of the crime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BF67F9F9-3107-4C40-800E-19B9ED725819}"/>
              </a:ext>
            </a:extLst>
          </p:cNvPr>
          <p:cNvSpPr txBox="1">
            <a:spLocks/>
          </p:cNvSpPr>
          <p:nvPr/>
        </p:nvSpPr>
        <p:spPr>
          <a:xfrm>
            <a:off x="336335" y="1194239"/>
            <a:ext cx="1487659" cy="1450487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US" sz="8800" dirty="0">
                <a:solidFill>
                  <a:schemeClr val="bg1">
                    <a:lumMod val="65000"/>
                  </a:schemeClr>
                </a:solidFill>
              </a:rPr>
              <a:t>“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FB39F3E6-89B1-4702-A917-CFEBB3D906F3}"/>
              </a:ext>
            </a:extLst>
          </p:cNvPr>
          <p:cNvSpPr txBox="1"/>
          <p:nvPr/>
        </p:nvSpPr>
        <p:spPr>
          <a:xfrm>
            <a:off x="5248188" y="1021346"/>
            <a:ext cx="6943812" cy="461665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r>
              <a:rPr lang="en-US" sz="1200" dirty="0"/>
              <a:t>Image Source: </a:t>
            </a:r>
          </a:p>
          <a:p>
            <a:r>
              <a:rPr lang="en-US" sz="1200" dirty="0">
                <a:hlinkClick r:id="rId4"/>
              </a:rPr>
              <a:t>https://sugarmanart.com/2011/05/21/3d-crime-scene-reconstruction/</a:t>
            </a:r>
            <a:r>
              <a:rPr lang="en-US" sz="120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6772236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6B98FFA2-9797-4450-8356-A1D77CC5A6CA}"/>
              </a:ext>
            </a:extLst>
          </p:cNvPr>
          <p:cNvSpPr/>
          <p:nvPr/>
        </p:nvSpPr>
        <p:spPr>
          <a:xfrm>
            <a:off x="3810003" y="3475103"/>
            <a:ext cx="5372098" cy="420623"/>
          </a:xfrm>
          <a:prstGeom prst="rect">
            <a:avLst/>
          </a:prstGeom>
          <a:solidFill>
            <a:srgbClr val="FFC000">
              <a:alpha val="20000"/>
            </a:srgbClr>
          </a:solidFill>
          <a:ln w="6350"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CD545B-862B-45DE-8AA9-488000558C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se study: Fileless JavaScript Attack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D797FF7-AFFC-457C-B317-ADE2F7EDC3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20</a:t>
            </a:fld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4B81DE1E-902E-4297-A3DA-4083F1BE09B5}"/>
              </a:ext>
            </a:extLst>
          </p:cNvPr>
          <p:cNvSpPr/>
          <p:nvPr/>
        </p:nvSpPr>
        <p:spPr>
          <a:xfrm>
            <a:off x="4208448" y="1621875"/>
            <a:ext cx="4573099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new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>
                <a:solidFill>
                  <a:srgbClr val="7A3E9D"/>
                </a:solidFill>
                <a:latin typeface="Consolas" panose="020B0609020204030204" pitchFamily="49" charset="0"/>
              </a:rPr>
              <a:t>WebSocke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.../mal.js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onmessag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tob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ata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;</a:t>
            </a:r>
          </a:p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benign_compromise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var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Elemen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</a:t>
            </a:r>
            <a:r>
              <a:rPr lang="en-US" sz="1200" i="1" dirty="0" err="1">
                <a:solidFill>
                  <a:srgbClr val="AAAAAA"/>
                </a:solidFill>
                <a:latin typeface="Consolas" panose="020B0609020204030204" pitchFamily="49" charset="0"/>
              </a:rPr>
              <a:t>sc.src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 = "http://.../benign.js"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TextNod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 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 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getElementsByTagNam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hea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[</a:t>
            </a:r>
            <a:r>
              <a:rPr lang="en-US" sz="1200" dirty="0">
                <a:solidFill>
                  <a:srgbClr val="9C5D27"/>
                </a:solidFill>
                <a:latin typeface="Consolas" panose="020B0609020204030204" pitchFamily="49" charset="0"/>
              </a:rPr>
              <a:t>0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]</a:t>
            </a:r>
            <a:b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</a:b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        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</a:t>
            </a:r>
          </a:p>
          <a:p>
            <a:r>
              <a:rPr lang="en-US" sz="1200" b="0" dirty="0">
                <a:solidFill>
                  <a:srgbClr val="777777"/>
                </a:solidFill>
                <a:effectLst/>
                <a:latin typeface="Consolas" panose="020B0609020204030204" pitchFamily="49" charset="0"/>
              </a:rPr>
              <a:t>...</a:t>
            </a: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 </a:t>
            </a:r>
            <a:r>
              <a:rPr lang="en-US" sz="1200" i="1" dirty="0">
                <a:solidFill>
                  <a:srgbClr val="8190A0"/>
                </a:solidFill>
                <a:latin typeface="Consolas" panose="020B0609020204030204" pitchFamily="49" charset="0"/>
              </a:rPr>
              <a:t>typ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text/</a:t>
            </a:r>
            <a:r>
              <a:rPr lang="en-US" sz="1200" dirty="0" err="1">
                <a:solidFill>
                  <a:srgbClr val="448C27"/>
                </a:solidFill>
                <a:latin typeface="Consolas" panose="020B0609020204030204" pitchFamily="49" charset="0"/>
              </a:rPr>
              <a:t>java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 download a malicious binary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/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7F455C2-8DC3-420F-B59C-A4C4DBE20701}"/>
              </a:ext>
            </a:extLst>
          </p:cNvPr>
          <p:cNvSpPr/>
          <p:nvPr/>
        </p:nvSpPr>
        <p:spPr>
          <a:xfrm>
            <a:off x="3773855" y="1621875"/>
            <a:ext cx="385010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1200" dirty="0">
                <a:latin typeface="Consolas" panose="020B0609020204030204" pitchFamily="49" charset="0"/>
              </a:rPr>
              <a:t>1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6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7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8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9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0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1</a:t>
            </a:r>
          </a:p>
          <a:p>
            <a:pPr algn="r"/>
            <a:endParaRPr lang="en-US" sz="1200" dirty="0">
              <a:latin typeface="Consolas" panose="020B0609020204030204" pitchFamily="49" charset="0"/>
            </a:endParaRP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6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C46A3469-8081-455D-B8C1-63435BCD1D28}"/>
              </a:ext>
            </a:extLst>
          </p:cNvPr>
          <p:cNvCxnSpPr>
            <a:cxnSpLocks/>
          </p:cNvCxnSpPr>
          <p:nvPr/>
        </p:nvCxnSpPr>
        <p:spPr>
          <a:xfrm>
            <a:off x="4183656" y="1621875"/>
            <a:ext cx="0" cy="3217162"/>
          </a:xfrm>
          <a:prstGeom prst="line">
            <a:avLst/>
          </a:prstGeom>
          <a:ln w="28575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9A62166A-7D70-47ED-A3AA-3D33D9CF9295}"/>
              </a:ext>
            </a:extLst>
          </p:cNvPr>
          <p:cNvSpPr/>
          <p:nvPr/>
        </p:nvSpPr>
        <p:spPr>
          <a:xfrm>
            <a:off x="3515989" y="5126305"/>
            <a:ext cx="5109850" cy="631178"/>
          </a:xfrm>
          <a:prstGeom prst="rect">
            <a:avLst/>
          </a:prstGeom>
          <a:noFill/>
          <a:ln w="63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2ED8248D-CB11-44D4-88D1-581CA3E02DC1}"/>
              </a:ext>
            </a:extLst>
          </p:cNvPr>
          <p:cNvSpPr txBox="1"/>
          <p:nvPr/>
        </p:nvSpPr>
        <p:spPr>
          <a:xfrm>
            <a:off x="5728241" y="4948515"/>
            <a:ext cx="854167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Legend</a:t>
            </a: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F6BCC764-D90B-40D9-B898-6311C0985215}"/>
              </a:ext>
            </a:extLst>
          </p:cNvPr>
          <p:cNvSpPr/>
          <p:nvPr/>
        </p:nvSpPr>
        <p:spPr>
          <a:xfrm>
            <a:off x="3671499" y="5335193"/>
            <a:ext cx="197775" cy="19777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C</a:t>
            </a: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F42D834D-67D3-461C-9C81-2F4AEEEBD2A6}"/>
              </a:ext>
            </a:extLst>
          </p:cNvPr>
          <p:cNvSpPr/>
          <p:nvPr/>
        </p:nvSpPr>
        <p:spPr>
          <a:xfrm>
            <a:off x="5865857" y="5346308"/>
            <a:ext cx="197775" cy="197775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B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1A38543E-C8A2-444D-8AC1-895CEE88EFBD}"/>
              </a:ext>
            </a:extLst>
          </p:cNvPr>
          <p:cNvSpPr txBox="1"/>
          <p:nvPr/>
        </p:nvSpPr>
        <p:spPr>
          <a:xfrm>
            <a:off x="3906168" y="5172471"/>
            <a:ext cx="174631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Code Changed by the Malicious Attacker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B6D743C3-654B-4C28-805A-7E6B857D001E}"/>
              </a:ext>
            </a:extLst>
          </p:cNvPr>
          <p:cNvSpPr txBox="1"/>
          <p:nvPr/>
        </p:nvSpPr>
        <p:spPr>
          <a:xfrm>
            <a:off x="6096000" y="5172471"/>
            <a:ext cx="24368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Breakpoint to Inspect Program States (e.g., Variables)</a:t>
            </a:r>
          </a:p>
        </p:txBody>
      </p:sp>
    </p:spTree>
    <p:extLst>
      <p:ext uri="{BB962C8B-B14F-4D97-AF65-F5344CB8AC3E}">
        <p14:creationId xmlns:p14="http://schemas.microsoft.com/office/powerpoint/2010/main" val="383146788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6B98FFA2-9797-4450-8356-A1D77CC5A6CA}"/>
              </a:ext>
            </a:extLst>
          </p:cNvPr>
          <p:cNvSpPr/>
          <p:nvPr/>
        </p:nvSpPr>
        <p:spPr>
          <a:xfrm>
            <a:off x="3810003" y="4228686"/>
            <a:ext cx="5372098" cy="567152"/>
          </a:xfrm>
          <a:prstGeom prst="rect">
            <a:avLst/>
          </a:prstGeom>
          <a:solidFill>
            <a:srgbClr val="FFC000">
              <a:alpha val="20000"/>
            </a:srgbClr>
          </a:solidFill>
          <a:ln w="6350"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CD545B-862B-45DE-8AA9-488000558C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se study: Fileless JavaScript Attack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D797FF7-AFFC-457C-B317-ADE2F7EDC3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21</a:t>
            </a:fld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4B81DE1E-902E-4297-A3DA-4083F1BE09B5}"/>
              </a:ext>
            </a:extLst>
          </p:cNvPr>
          <p:cNvSpPr/>
          <p:nvPr/>
        </p:nvSpPr>
        <p:spPr>
          <a:xfrm>
            <a:off x="4208448" y="1621875"/>
            <a:ext cx="4573099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new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>
                <a:solidFill>
                  <a:srgbClr val="7A3E9D"/>
                </a:solidFill>
                <a:latin typeface="Consolas" panose="020B0609020204030204" pitchFamily="49" charset="0"/>
              </a:rPr>
              <a:t>WebSocke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.../mal.js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onmessag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tob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ata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;</a:t>
            </a:r>
          </a:p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benign_compromise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var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Elemen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</a:t>
            </a:r>
            <a:r>
              <a:rPr lang="en-US" sz="1200" i="1" dirty="0" err="1">
                <a:solidFill>
                  <a:srgbClr val="AAAAAA"/>
                </a:solidFill>
                <a:latin typeface="Consolas" panose="020B0609020204030204" pitchFamily="49" charset="0"/>
              </a:rPr>
              <a:t>sc.src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 = "http://.../benign.js"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TextNod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 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 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getElementsByTagNam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hea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[</a:t>
            </a:r>
            <a:r>
              <a:rPr lang="en-US" sz="1200" dirty="0">
                <a:solidFill>
                  <a:srgbClr val="9C5D27"/>
                </a:solidFill>
                <a:latin typeface="Consolas" panose="020B0609020204030204" pitchFamily="49" charset="0"/>
              </a:rPr>
              <a:t>0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]</a:t>
            </a:r>
            <a:b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</a:b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        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</a:t>
            </a:r>
          </a:p>
          <a:p>
            <a:r>
              <a:rPr lang="en-US" sz="1200" b="0" dirty="0">
                <a:solidFill>
                  <a:srgbClr val="777777"/>
                </a:solidFill>
                <a:effectLst/>
                <a:latin typeface="Consolas" panose="020B0609020204030204" pitchFamily="49" charset="0"/>
              </a:rPr>
              <a:t>...</a:t>
            </a: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 </a:t>
            </a:r>
            <a:r>
              <a:rPr lang="en-US" sz="1200" i="1" dirty="0">
                <a:solidFill>
                  <a:srgbClr val="8190A0"/>
                </a:solidFill>
                <a:latin typeface="Consolas" panose="020B0609020204030204" pitchFamily="49" charset="0"/>
              </a:rPr>
              <a:t>typ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text/</a:t>
            </a:r>
            <a:r>
              <a:rPr lang="en-US" sz="1200" dirty="0" err="1">
                <a:solidFill>
                  <a:srgbClr val="448C27"/>
                </a:solidFill>
                <a:latin typeface="Consolas" panose="020B0609020204030204" pitchFamily="49" charset="0"/>
              </a:rPr>
              <a:t>java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 download a malicious binary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/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7F455C2-8DC3-420F-B59C-A4C4DBE20701}"/>
              </a:ext>
            </a:extLst>
          </p:cNvPr>
          <p:cNvSpPr/>
          <p:nvPr/>
        </p:nvSpPr>
        <p:spPr>
          <a:xfrm>
            <a:off x="3773855" y="1621875"/>
            <a:ext cx="385010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1200" dirty="0">
                <a:latin typeface="Consolas" panose="020B0609020204030204" pitchFamily="49" charset="0"/>
              </a:rPr>
              <a:t>1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6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7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8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9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0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1</a:t>
            </a:r>
          </a:p>
          <a:p>
            <a:pPr algn="r"/>
            <a:endParaRPr lang="en-US" sz="1200" dirty="0">
              <a:latin typeface="Consolas" panose="020B0609020204030204" pitchFamily="49" charset="0"/>
            </a:endParaRP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6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C46A3469-8081-455D-B8C1-63435BCD1D28}"/>
              </a:ext>
            </a:extLst>
          </p:cNvPr>
          <p:cNvCxnSpPr>
            <a:cxnSpLocks/>
          </p:cNvCxnSpPr>
          <p:nvPr/>
        </p:nvCxnSpPr>
        <p:spPr>
          <a:xfrm>
            <a:off x="4183656" y="1621875"/>
            <a:ext cx="0" cy="3217162"/>
          </a:xfrm>
          <a:prstGeom prst="line">
            <a:avLst/>
          </a:prstGeom>
          <a:ln w="28575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9A62166A-7D70-47ED-A3AA-3D33D9CF9295}"/>
              </a:ext>
            </a:extLst>
          </p:cNvPr>
          <p:cNvSpPr/>
          <p:nvPr/>
        </p:nvSpPr>
        <p:spPr>
          <a:xfrm>
            <a:off x="3515989" y="5126305"/>
            <a:ext cx="5109850" cy="631178"/>
          </a:xfrm>
          <a:prstGeom prst="rect">
            <a:avLst/>
          </a:prstGeom>
          <a:noFill/>
          <a:ln w="63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2ED8248D-CB11-44D4-88D1-581CA3E02DC1}"/>
              </a:ext>
            </a:extLst>
          </p:cNvPr>
          <p:cNvSpPr txBox="1"/>
          <p:nvPr/>
        </p:nvSpPr>
        <p:spPr>
          <a:xfrm>
            <a:off x="5728241" y="4948515"/>
            <a:ext cx="854167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Legend</a:t>
            </a: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F6BCC764-D90B-40D9-B898-6311C0985215}"/>
              </a:ext>
            </a:extLst>
          </p:cNvPr>
          <p:cNvSpPr/>
          <p:nvPr/>
        </p:nvSpPr>
        <p:spPr>
          <a:xfrm>
            <a:off x="3671499" y="5335193"/>
            <a:ext cx="197775" cy="19777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C</a:t>
            </a: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F42D834D-67D3-461C-9C81-2F4AEEEBD2A6}"/>
              </a:ext>
            </a:extLst>
          </p:cNvPr>
          <p:cNvSpPr/>
          <p:nvPr/>
        </p:nvSpPr>
        <p:spPr>
          <a:xfrm>
            <a:off x="5865857" y="5346308"/>
            <a:ext cx="197775" cy="197775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B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1A38543E-C8A2-444D-8AC1-895CEE88EFBD}"/>
              </a:ext>
            </a:extLst>
          </p:cNvPr>
          <p:cNvSpPr txBox="1"/>
          <p:nvPr/>
        </p:nvSpPr>
        <p:spPr>
          <a:xfrm>
            <a:off x="3906168" y="5172471"/>
            <a:ext cx="174631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Code Changed by the Malicious Attacker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B6D743C3-654B-4C28-805A-7E6B857D001E}"/>
              </a:ext>
            </a:extLst>
          </p:cNvPr>
          <p:cNvSpPr txBox="1"/>
          <p:nvPr/>
        </p:nvSpPr>
        <p:spPr>
          <a:xfrm>
            <a:off x="6096000" y="5172471"/>
            <a:ext cx="24368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Breakpoint to Inspect Program States (e.g., Variables)</a:t>
            </a:r>
          </a:p>
        </p:txBody>
      </p:sp>
    </p:spTree>
    <p:extLst>
      <p:ext uri="{BB962C8B-B14F-4D97-AF65-F5344CB8AC3E}">
        <p14:creationId xmlns:p14="http://schemas.microsoft.com/office/powerpoint/2010/main" val="66608465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CD545B-862B-45DE-8AA9-488000558C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se study: Fileless JavaScript Attack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D797FF7-AFFC-457C-B317-ADE2F7EDC3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22</a:t>
            </a:fld>
            <a:endParaRPr lang="en-US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DAE98385-268D-4C1A-A4C7-3506C099E033}"/>
              </a:ext>
            </a:extLst>
          </p:cNvPr>
          <p:cNvSpPr/>
          <p:nvPr/>
        </p:nvSpPr>
        <p:spPr>
          <a:xfrm>
            <a:off x="3473724" y="4427315"/>
            <a:ext cx="197775" cy="197775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B</a:t>
            </a:r>
          </a:p>
        </p:txBody>
      </p:sp>
      <p:cxnSp>
        <p:nvCxnSpPr>
          <p:cNvPr id="6" name="Straight Arrow Connector 64">
            <a:extLst>
              <a:ext uri="{FF2B5EF4-FFF2-40B4-BE49-F238E27FC236}">
                <a16:creationId xmlns:a16="http://schemas.microsoft.com/office/drawing/2014/main" id="{51CDDF3E-BE03-444C-BCBD-E51954F97DA0}"/>
              </a:ext>
            </a:extLst>
          </p:cNvPr>
          <p:cNvCxnSpPr>
            <a:cxnSpLocks/>
          </p:cNvCxnSpPr>
          <p:nvPr/>
        </p:nvCxnSpPr>
        <p:spPr>
          <a:xfrm>
            <a:off x="3671499" y="4526203"/>
            <a:ext cx="847161" cy="0"/>
          </a:xfrm>
          <a:prstGeom prst="straightConnector1">
            <a:avLst/>
          </a:prstGeom>
          <a:ln w="12700">
            <a:solidFill>
              <a:srgbClr val="C00000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ectangle 6">
            <a:extLst>
              <a:ext uri="{FF2B5EF4-FFF2-40B4-BE49-F238E27FC236}">
                <a16:creationId xmlns:a16="http://schemas.microsoft.com/office/drawing/2014/main" id="{C879B725-5482-4C94-BDD7-E488C89EFED9}"/>
              </a:ext>
            </a:extLst>
          </p:cNvPr>
          <p:cNvSpPr/>
          <p:nvPr/>
        </p:nvSpPr>
        <p:spPr>
          <a:xfrm>
            <a:off x="4541718" y="4413345"/>
            <a:ext cx="3398957" cy="195455"/>
          </a:xfrm>
          <a:prstGeom prst="rect">
            <a:avLst/>
          </a:prstGeom>
          <a:solidFill>
            <a:srgbClr val="FFC000">
              <a:alpha val="20000"/>
            </a:srgbClr>
          </a:solidFill>
          <a:ln w="6350"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91B98256-CCFE-4A75-AF05-5A8138DE9C73}"/>
              </a:ext>
            </a:extLst>
          </p:cNvPr>
          <p:cNvSpPr/>
          <p:nvPr/>
        </p:nvSpPr>
        <p:spPr>
          <a:xfrm>
            <a:off x="4455847" y="3494357"/>
            <a:ext cx="3398957" cy="396100"/>
          </a:xfrm>
          <a:prstGeom prst="rect">
            <a:avLst/>
          </a:prstGeom>
          <a:solidFill>
            <a:srgbClr val="FFC000">
              <a:alpha val="20000"/>
            </a:srgbClr>
          </a:solidFill>
          <a:ln w="6350"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07238FF6-8C71-404F-BC39-BA03BFB1FBA9}"/>
              </a:ext>
            </a:extLst>
          </p:cNvPr>
          <p:cNvSpPr/>
          <p:nvPr/>
        </p:nvSpPr>
        <p:spPr>
          <a:xfrm>
            <a:off x="7857030" y="3159110"/>
            <a:ext cx="358921" cy="144116"/>
          </a:xfrm>
          <a:prstGeom prst="rect">
            <a:avLst/>
          </a:prstGeom>
          <a:solidFill>
            <a:srgbClr val="FFC000">
              <a:alpha val="20000"/>
            </a:srgbClr>
          </a:solidFill>
          <a:ln w="6350"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E9553AF-9A93-4E03-A960-E2A683B58784}"/>
              </a:ext>
            </a:extLst>
          </p:cNvPr>
          <p:cNvSpPr/>
          <p:nvPr/>
        </p:nvSpPr>
        <p:spPr>
          <a:xfrm>
            <a:off x="4432153" y="2027506"/>
            <a:ext cx="1636860" cy="191819"/>
          </a:xfrm>
          <a:prstGeom prst="rect">
            <a:avLst/>
          </a:prstGeom>
          <a:solidFill>
            <a:srgbClr val="FFC000">
              <a:alpha val="20000"/>
            </a:srgbClr>
          </a:solidFill>
          <a:ln w="6350"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DD08D11-154A-4A18-B9C2-54CACCB0564C}"/>
              </a:ext>
            </a:extLst>
          </p:cNvPr>
          <p:cNvSpPr/>
          <p:nvPr/>
        </p:nvSpPr>
        <p:spPr>
          <a:xfrm>
            <a:off x="4437078" y="2943055"/>
            <a:ext cx="3278807" cy="191819"/>
          </a:xfrm>
          <a:prstGeom prst="rect">
            <a:avLst/>
          </a:prstGeom>
          <a:solidFill>
            <a:schemeClr val="bg1">
              <a:lumMod val="85000"/>
              <a:alpha val="20000"/>
            </a:schemeClr>
          </a:solidFill>
          <a:ln w="6350"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" name="Straight Arrow Connector 64">
            <a:extLst>
              <a:ext uri="{FF2B5EF4-FFF2-40B4-BE49-F238E27FC236}">
                <a16:creationId xmlns:a16="http://schemas.microsoft.com/office/drawing/2014/main" id="{D4354A75-172B-497A-A56A-CCE83C3A5FA7}"/>
              </a:ext>
            </a:extLst>
          </p:cNvPr>
          <p:cNvCxnSpPr>
            <a:cxnSpLocks/>
            <a:stCxn id="7" idx="3"/>
            <a:endCxn id="8" idx="3"/>
          </p:cNvCxnSpPr>
          <p:nvPr/>
        </p:nvCxnSpPr>
        <p:spPr>
          <a:xfrm flipH="1" flipV="1">
            <a:off x="7854804" y="3692407"/>
            <a:ext cx="85871" cy="818666"/>
          </a:xfrm>
          <a:prstGeom prst="curvedConnector3">
            <a:avLst>
              <a:gd name="adj1" fmla="val -266213"/>
            </a:avLst>
          </a:prstGeom>
          <a:ln w="12700">
            <a:solidFill>
              <a:schemeClr val="tx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64">
            <a:extLst>
              <a:ext uri="{FF2B5EF4-FFF2-40B4-BE49-F238E27FC236}">
                <a16:creationId xmlns:a16="http://schemas.microsoft.com/office/drawing/2014/main" id="{9E14582F-BCF7-48EF-94A3-509DF5E2B289}"/>
              </a:ext>
            </a:extLst>
          </p:cNvPr>
          <p:cNvCxnSpPr>
            <a:cxnSpLocks/>
            <a:stCxn id="8" idx="3"/>
            <a:endCxn id="9" idx="2"/>
          </p:cNvCxnSpPr>
          <p:nvPr/>
        </p:nvCxnSpPr>
        <p:spPr>
          <a:xfrm flipV="1">
            <a:off x="7854804" y="3303226"/>
            <a:ext cx="181687" cy="389181"/>
          </a:xfrm>
          <a:prstGeom prst="curvedConnector2">
            <a:avLst/>
          </a:prstGeom>
          <a:ln w="12700">
            <a:solidFill>
              <a:schemeClr val="tx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64">
            <a:extLst>
              <a:ext uri="{FF2B5EF4-FFF2-40B4-BE49-F238E27FC236}">
                <a16:creationId xmlns:a16="http://schemas.microsoft.com/office/drawing/2014/main" id="{F34D30A6-983E-4084-8213-33DCCDBF7F61}"/>
              </a:ext>
            </a:extLst>
          </p:cNvPr>
          <p:cNvCxnSpPr>
            <a:cxnSpLocks/>
            <a:stCxn id="9" idx="0"/>
            <a:endCxn id="10" idx="3"/>
          </p:cNvCxnSpPr>
          <p:nvPr/>
        </p:nvCxnSpPr>
        <p:spPr>
          <a:xfrm rot="16200000" flipV="1">
            <a:off x="6534905" y="1657524"/>
            <a:ext cx="1035694" cy="1967478"/>
          </a:xfrm>
          <a:prstGeom prst="bentConnector2">
            <a:avLst/>
          </a:prstGeom>
          <a:ln w="12700">
            <a:solidFill>
              <a:schemeClr val="tx1"/>
            </a:solidFill>
            <a:prstDash val="sys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1FCDBA46-E4BB-455B-948E-4CC8BA555607}"/>
              </a:ext>
            </a:extLst>
          </p:cNvPr>
          <p:cNvSpPr/>
          <p:nvPr/>
        </p:nvSpPr>
        <p:spPr>
          <a:xfrm>
            <a:off x="4437078" y="3148701"/>
            <a:ext cx="4188762" cy="191819"/>
          </a:xfrm>
          <a:prstGeom prst="rect">
            <a:avLst/>
          </a:prstGeom>
          <a:solidFill>
            <a:schemeClr val="bg1">
              <a:lumMod val="85000"/>
              <a:alpha val="20000"/>
            </a:schemeClr>
          </a:solidFill>
          <a:ln w="6350"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E9BECF8B-D929-4ACB-B875-B8D317B0B82D}"/>
              </a:ext>
            </a:extLst>
          </p:cNvPr>
          <p:cNvSpPr/>
          <p:nvPr/>
        </p:nvSpPr>
        <p:spPr>
          <a:xfrm>
            <a:off x="3473724" y="3035063"/>
            <a:ext cx="197775" cy="19777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C</a:t>
            </a:r>
          </a:p>
        </p:txBody>
      </p:sp>
      <p:cxnSp>
        <p:nvCxnSpPr>
          <p:cNvPr id="17" name="Straight Arrow Connector 64">
            <a:extLst>
              <a:ext uri="{FF2B5EF4-FFF2-40B4-BE49-F238E27FC236}">
                <a16:creationId xmlns:a16="http://schemas.microsoft.com/office/drawing/2014/main" id="{E69CAA19-1C91-4D8D-B8EB-16E6D7005A00}"/>
              </a:ext>
            </a:extLst>
          </p:cNvPr>
          <p:cNvCxnSpPr>
            <a:cxnSpLocks/>
            <a:stCxn id="16" idx="6"/>
            <a:endCxn id="15" idx="1"/>
          </p:cNvCxnSpPr>
          <p:nvPr/>
        </p:nvCxnSpPr>
        <p:spPr>
          <a:xfrm>
            <a:off x="3671499" y="3133951"/>
            <a:ext cx="765579" cy="110660"/>
          </a:xfrm>
          <a:prstGeom prst="straightConnector1">
            <a:avLst/>
          </a:prstGeom>
          <a:ln w="12700">
            <a:solidFill>
              <a:schemeClr val="tx1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64">
            <a:extLst>
              <a:ext uri="{FF2B5EF4-FFF2-40B4-BE49-F238E27FC236}">
                <a16:creationId xmlns:a16="http://schemas.microsoft.com/office/drawing/2014/main" id="{09730393-2EA6-4369-9CFF-6667D51F9D60}"/>
              </a:ext>
            </a:extLst>
          </p:cNvPr>
          <p:cNvCxnSpPr>
            <a:cxnSpLocks/>
            <a:stCxn id="16" idx="6"/>
            <a:endCxn id="11" idx="1"/>
          </p:cNvCxnSpPr>
          <p:nvPr/>
        </p:nvCxnSpPr>
        <p:spPr>
          <a:xfrm flipV="1">
            <a:off x="3671499" y="3038965"/>
            <a:ext cx="765579" cy="94986"/>
          </a:xfrm>
          <a:prstGeom prst="straightConnector1">
            <a:avLst/>
          </a:prstGeom>
          <a:ln w="12700">
            <a:solidFill>
              <a:schemeClr val="tx1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 18">
            <a:extLst>
              <a:ext uri="{FF2B5EF4-FFF2-40B4-BE49-F238E27FC236}">
                <a16:creationId xmlns:a16="http://schemas.microsoft.com/office/drawing/2014/main" id="{4B81DE1E-902E-4297-A3DA-4083F1BE09B5}"/>
              </a:ext>
            </a:extLst>
          </p:cNvPr>
          <p:cNvSpPr/>
          <p:nvPr/>
        </p:nvSpPr>
        <p:spPr>
          <a:xfrm>
            <a:off x="4208448" y="1621875"/>
            <a:ext cx="4573099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new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>
                <a:solidFill>
                  <a:srgbClr val="7A3E9D"/>
                </a:solidFill>
                <a:latin typeface="Consolas" panose="020B0609020204030204" pitchFamily="49" charset="0"/>
              </a:rPr>
              <a:t>WebSocke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.../mal.js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WS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onmessag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tob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e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ata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;</a:t>
            </a:r>
          </a:p>
          <a:p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function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benign_compromise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()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{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var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Element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</a:t>
            </a:r>
            <a:r>
              <a:rPr lang="en-US" sz="1200" i="1" dirty="0" err="1">
                <a:solidFill>
                  <a:srgbClr val="AAAAAA"/>
                </a:solidFill>
                <a:latin typeface="Consolas" panose="020B0609020204030204" pitchFamily="49" charset="0"/>
              </a:rPr>
              <a:t>sc.src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 = "http://.../benign.js"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createTextNod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 </a:t>
            </a:r>
            <a:r>
              <a:rPr lang="en-US" sz="1200" dirty="0">
                <a:solidFill>
                  <a:srgbClr val="7A3E9D"/>
                </a:solidFill>
                <a:latin typeface="Consolas" panose="020B0609020204030204" pitchFamily="49" charset="0"/>
              </a:rPr>
              <a:t>mal 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 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..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  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document</a:t>
            </a:r>
            <a:r>
              <a:rPr lang="en-US" sz="1200" dirty="0" err="1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getElementsByTagName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head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[</a:t>
            </a:r>
            <a:r>
              <a:rPr lang="en-US" sz="1200" dirty="0">
                <a:solidFill>
                  <a:srgbClr val="9C5D27"/>
                </a:solidFill>
                <a:latin typeface="Consolas" panose="020B0609020204030204" pitchFamily="49" charset="0"/>
              </a:rPr>
              <a:t>0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]</a:t>
            </a:r>
            <a:b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</a:b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          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.</a:t>
            </a:r>
            <a:r>
              <a:rPr lang="en-US" sz="1200" b="1" dirty="0" err="1">
                <a:solidFill>
                  <a:srgbClr val="AA3731"/>
                </a:solidFill>
                <a:latin typeface="Consolas" panose="020B0609020204030204" pitchFamily="49" charset="0"/>
              </a:rPr>
              <a:t>appendChild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(</a:t>
            </a:r>
            <a:r>
              <a:rPr lang="en-US" sz="1200" dirty="0" err="1">
                <a:solidFill>
                  <a:srgbClr val="7A3E9D"/>
                </a:solidFill>
                <a:latin typeface="Consolas" panose="020B0609020204030204" pitchFamily="49" charset="0"/>
              </a:rPr>
              <a:t>sc</a:t>
            </a:r>
            <a:r>
              <a:rPr lang="en-US" sz="1200" dirty="0">
                <a:solidFill>
                  <a:srgbClr val="333333"/>
                </a:solidFill>
                <a:latin typeface="Consolas" panose="020B0609020204030204" pitchFamily="49" charset="0"/>
              </a:rPr>
              <a:t>)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}</a:t>
            </a:r>
          </a:p>
          <a:p>
            <a:r>
              <a:rPr lang="en-US" sz="1200" b="0" dirty="0">
                <a:solidFill>
                  <a:srgbClr val="777777"/>
                </a:solidFill>
                <a:effectLst/>
                <a:latin typeface="Consolas" panose="020B0609020204030204" pitchFamily="49" charset="0"/>
              </a:rPr>
              <a:t>...</a:t>
            </a: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 </a:t>
            </a:r>
            <a:r>
              <a:rPr lang="en-US" sz="1200" i="1" dirty="0">
                <a:solidFill>
                  <a:srgbClr val="8190A0"/>
                </a:solidFill>
                <a:latin typeface="Consolas" panose="020B0609020204030204" pitchFamily="49" charset="0"/>
              </a:rPr>
              <a:t>type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='</a:t>
            </a:r>
            <a:r>
              <a:rPr lang="en-US" sz="1200" dirty="0">
                <a:solidFill>
                  <a:srgbClr val="448C27"/>
                </a:solidFill>
                <a:latin typeface="Consolas" panose="020B0609020204030204" pitchFamily="49" charset="0"/>
              </a:rPr>
              <a:t>text/</a:t>
            </a:r>
            <a:r>
              <a:rPr lang="en-US" sz="1200" dirty="0" err="1">
                <a:solidFill>
                  <a:srgbClr val="448C27"/>
                </a:solidFill>
                <a:latin typeface="Consolas" panose="020B0609020204030204" pitchFamily="49" charset="0"/>
              </a:rPr>
              <a:t>javascript</a:t>
            </a:r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'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777777"/>
                </a:solidFill>
                <a:latin typeface="Consolas" panose="020B0609020204030204" pitchFamily="49" charset="0"/>
              </a:rPr>
              <a:t>    </a:t>
            </a:r>
            <a:r>
              <a:rPr lang="en-US" sz="1200" i="1" dirty="0">
                <a:solidFill>
                  <a:srgbClr val="AAAAAA"/>
                </a:solidFill>
                <a:latin typeface="Consolas" panose="020B0609020204030204" pitchFamily="49" charset="0"/>
              </a:rPr>
              <a:t>// download a malicious binary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  <a:p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lt;/</a:t>
            </a:r>
            <a:r>
              <a:rPr lang="en-US" sz="1200" dirty="0">
                <a:solidFill>
                  <a:srgbClr val="4B69C6"/>
                </a:solidFill>
                <a:latin typeface="Consolas" panose="020B0609020204030204" pitchFamily="49" charset="0"/>
              </a:rPr>
              <a:t>script</a:t>
            </a:r>
            <a:r>
              <a:rPr lang="en-US" sz="1200" dirty="0">
                <a:solidFill>
                  <a:srgbClr val="91B3E0"/>
                </a:solidFill>
                <a:latin typeface="Consolas" panose="020B0609020204030204" pitchFamily="49" charset="0"/>
              </a:rPr>
              <a:t>&gt;</a:t>
            </a:r>
            <a:endParaRPr lang="en-US" sz="1200" dirty="0">
              <a:solidFill>
                <a:srgbClr val="333333"/>
              </a:solidFill>
              <a:latin typeface="Consolas" panose="020B0609020204030204" pitchFamily="49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7F455C2-8DC3-420F-B59C-A4C4DBE20701}"/>
              </a:ext>
            </a:extLst>
          </p:cNvPr>
          <p:cNvSpPr/>
          <p:nvPr/>
        </p:nvSpPr>
        <p:spPr>
          <a:xfrm>
            <a:off x="3773855" y="1621875"/>
            <a:ext cx="385010" cy="32316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1200" dirty="0">
                <a:latin typeface="Consolas" panose="020B0609020204030204" pitchFamily="49" charset="0"/>
              </a:rPr>
              <a:t>1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6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7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8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9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0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1</a:t>
            </a:r>
          </a:p>
          <a:p>
            <a:pPr algn="r"/>
            <a:endParaRPr lang="en-US" sz="1200" dirty="0">
              <a:latin typeface="Consolas" panose="020B0609020204030204" pitchFamily="49" charset="0"/>
            </a:endParaRP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2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3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4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5</a:t>
            </a:r>
          </a:p>
          <a:p>
            <a:pPr algn="r"/>
            <a:r>
              <a:rPr lang="en-US" sz="1200" dirty="0">
                <a:latin typeface="Consolas" panose="020B0609020204030204" pitchFamily="49" charset="0"/>
              </a:rPr>
              <a:t>16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C46A3469-8081-455D-B8C1-63435BCD1D28}"/>
              </a:ext>
            </a:extLst>
          </p:cNvPr>
          <p:cNvCxnSpPr>
            <a:cxnSpLocks/>
          </p:cNvCxnSpPr>
          <p:nvPr/>
        </p:nvCxnSpPr>
        <p:spPr>
          <a:xfrm>
            <a:off x="4183656" y="1621875"/>
            <a:ext cx="0" cy="3217162"/>
          </a:xfrm>
          <a:prstGeom prst="line">
            <a:avLst/>
          </a:prstGeom>
          <a:ln w="28575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9A62166A-7D70-47ED-A3AA-3D33D9CF9295}"/>
              </a:ext>
            </a:extLst>
          </p:cNvPr>
          <p:cNvSpPr/>
          <p:nvPr/>
        </p:nvSpPr>
        <p:spPr>
          <a:xfrm>
            <a:off x="3515989" y="5126305"/>
            <a:ext cx="5109850" cy="631178"/>
          </a:xfrm>
          <a:prstGeom prst="rect">
            <a:avLst/>
          </a:prstGeom>
          <a:noFill/>
          <a:ln w="63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2ED8248D-CB11-44D4-88D1-581CA3E02DC1}"/>
              </a:ext>
            </a:extLst>
          </p:cNvPr>
          <p:cNvSpPr txBox="1"/>
          <p:nvPr/>
        </p:nvSpPr>
        <p:spPr>
          <a:xfrm>
            <a:off x="5728241" y="4948515"/>
            <a:ext cx="854167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Legend</a:t>
            </a: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F6BCC764-D90B-40D9-B898-6311C0985215}"/>
              </a:ext>
            </a:extLst>
          </p:cNvPr>
          <p:cNvSpPr/>
          <p:nvPr/>
        </p:nvSpPr>
        <p:spPr>
          <a:xfrm>
            <a:off x="3671499" y="5335193"/>
            <a:ext cx="197775" cy="19777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C</a:t>
            </a: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F42D834D-67D3-461C-9C81-2F4AEEEBD2A6}"/>
              </a:ext>
            </a:extLst>
          </p:cNvPr>
          <p:cNvSpPr/>
          <p:nvPr/>
        </p:nvSpPr>
        <p:spPr>
          <a:xfrm>
            <a:off x="5865857" y="5346308"/>
            <a:ext cx="197775" cy="197775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B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1A38543E-C8A2-444D-8AC1-895CEE88EFBD}"/>
              </a:ext>
            </a:extLst>
          </p:cNvPr>
          <p:cNvSpPr txBox="1"/>
          <p:nvPr/>
        </p:nvSpPr>
        <p:spPr>
          <a:xfrm>
            <a:off x="3906168" y="5172471"/>
            <a:ext cx="174631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Code Changed by the Malicious Attacker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B6D743C3-654B-4C28-805A-7E6B857D001E}"/>
              </a:ext>
            </a:extLst>
          </p:cNvPr>
          <p:cNvSpPr txBox="1"/>
          <p:nvPr/>
        </p:nvSpPr>
        <p:spPr>
          <a:xfrm>
            <a:off x="6096000" y="5172471"/>
            <a:ext cx="24368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Breakpoint to Inspect Program States (e.g., Variables)</a:t>
            </a: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7AC92DE2-7D0B-4ABB-BD81-0881921913DA}"/>
              </a:ext>
            </a:extLst>
          </p:cNvPr>
          <p:cNvSpPr/>
          <p:nvPr/>
        </p:nvSpPr>
        <p:spPr>
          <a:xfrm>
            <a:off x="3473724" y="3498335"/>
            <a:ext cx="197775" cy="197775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latin typeface="Palatino"/>
              </a:rPr>
              <a:t>B</a:t>
            </a:r>
          </a:p>
        </p:txBody>
      </p:sp>
      <p:cxnSp>
        <p:nvCxnSpPr>
          <p:cNvPr id="29" name="Straight Arrow Connector 64">
            <a:extLst>
              <a:ext uri="{FF2B5EF4-FFF2-40B4-BE49-F238E27FC236}">
                <a16:creationId xmlns:a16="http://schemas.microsoft.com/office/drawing/2014/main" id="{D1127849-C0DD-432C-9F19-6F18FEEE91D8}"/>
              </a:ext>
            </a:extLst>
          </p:cNvPr>
          <p:cNvCxnSpPr>
            <a:cxnSpLocks/>
          </p:cNvCxnSpPr>
          <p:nvPr/>
        </p:nvCxnSpPr>
        <p:spPr>
          <a:xfrm>
            <a:off x="3671499" y="3597223"/>
            <a:ext cx="799351" cy="0"/>
          </a:xfrm>
          <a:prstGeom prst="straightConnector1">
            <a:avLst/>
          </a:prstGeom>
          <a:ln w="12700">
            <a:solidFill>
              <a:srgbClr val="C00000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508842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7" grpId="0" animBg="1"/>
      <p:bldP spid="8" grpId="0" animBg="1"/>
      <p:bldP spid="9" grpId="0" animBg="1"/>
      <p:bldP spid="10" grpId="0" animBg="1"/>
      <p:bldP spid="11" grpId="0" animBg="1"/>
      <p:bldP spid="15" grpId="0" animBg="1"/>
      <p:bldP spid="16" grpId="0" animBg="1"/>
      <p:bldP spid="28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u="sng" dirty="0"/>
              <a:t>C</a:t>
            </a:r>
            <a:r>
              <a:rPr lang="en-US" dirty="0"/>
              <a:t>yber </a:t>
            </a:r>
            <a:r>
              <a:rPr lang="en-US" u="sng" dirty="0"/>
              <a:t>C</a:t>
            </a:r>
            <a:r>
              <a:rPr lang="en-US" dirty="0"/>
              <a:t>rime </a:t>
            </a:r>
            <a:r>
              <a:rPr lang="en-US" u="sng" dirty="0"/>
              <a:t>S</a:t>
            </a:r>
            <a:r>
              <a:rPr lang="en-US" dirty="0"/>
              <a:t>cene </a:t>
            </a:r>
            <a:r>
              <a:rPr lang="en-US" u="sng" dirty="0"/>
              <a:t>R</a:t>
            </a:r>
            <a:r>
              <a:rPr lang="en-US" dirty="0"/>
              <a:t>econstruction (C</a:t>
            </a:r>
            <a:r>
              <a:rPr lang="en-US" baseline="30000" dirty="0"/>
              <a:t>2</a:t>
            </a:r>
            <a:r>
              <a:rPr lang="en-US" dirty="0"/>
              <a:t>SR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199" y="1194239"/>
            <a:ext cx="10988659" cy="5162110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Reconstructing an execution of an </a:t>
            </a:r>
            <a:r>
              <a:rPr lang="en-US" b="1" u="sng" dirty="0"/>
              <a:t>attack delivery process</a:t>
            </a:r>
            <a:r>
              <a:rPr lang="en-US" b="1" dirty="0"/>
              <a:t> </a:t>
            </a:r>
            <a:r>
              <a:rPr lang="en-US" dirty="0"/>
              <a:t>to </a:t>
            </a:r>
            <a:r>
              <a:rPr lang="en-US" b="1" dirty="0"/>
              <a:t>gain knowledge of the series of cyber events</a:t>
            </a:r>
            <a:r>
              <a:rPr lang="en-US" dirty="0"/>
              <a:t>, which we call cybercrime scene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3</a:t>
            </a:fld>
            <a:endParaRPr lang="en-US"/>
          </a:p>
        </p:txBody>
      </p:sp>
      <p:pic>
        <p:nvPicPr>
          <p:cNvPr id="2054" name="Picture 6" descr="Image result for webbrowser mock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69978" y="2580863"/>
            <a:ext cx="6096000" cy="4572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8" name="Picture 20" descr="Image result for javascript icon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82696" y="4161898"/>
            <a:ext cx="2036984" cy="11451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74" name="Picture 26" descr="Image result for css icon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77118" y="5337036"/>
            <a:ext cx="862905" cy="121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8" descr="Image result for flash adobe">
            <a:extLst>
              <a:ext uri="{FF2B5EF4-FFF2-40B4-BE49-F238E27FC236}">
                <a16:creationId xmlns:a16="http://schemas.microsoft.com/office/drawing/2014/main" id="{AF077DD8-74CE-42AE-BA04-4B2712CA83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51560" y="5399484"/>
            <a:ext cx="993911" cy="993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78" name="Picture 30" descr="Image result for html5 icon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73485" y="4006056"/>
            <a:ext cx="1603633" cy="13817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DD703A1F-927E-4D90-AF20-F4F0DFAA2248}"/>
              </a:ext>
            </a:extLst>
          </p:cNvPr>
          <p:cNvCxnSpPr/>
          <p:nvPr/>
        </p:nvCxnSpPr>
        <p:spPr>
          <a:xfrm flipH="1">
            <a:off x="7157673" y="4014152"/>
            <a:ext cx="2478628" cy="0"/>
          </a:xfrm>
          <a:prstGeom prst="straightConnector1">
            <a:avLst/>
          </a:prstGeom>
          <a:ln w="762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3B066D73-40D0-48BB-A7B5-2612588D3D2E}"/>
              </a:ext>
            </a:extLst>
          </p:cNvPr>
          <p:cNvCxnSpPr/>
          <p:nvPr/>
        </p:nvCxnSpPr>
        <p:spPr>
          <a:xfrm flipH="1">
            <a:off x="7157673" y="4554643"/>
            <a:ext cx="2478628" cy="0"/>
          </a:xfrm>
          <a:prstGeom prst="straightConnector1">
            <a:avLst/>
          </a:prstGeom>
          <a:ln w="76200">
            <a:solidFill>
              <a:srgbClr val="00000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Picture 2">
            <a:extLst>
              <a:ext uri="{FF2B5EF4-FFF2-40B4-BE49-F238E27FC236}">
                <a16:creationId xmlns:a16="http://schemas.microsoft.com/office/drawing/2014/main" id="{DFBB6AA3-E733-467E-AC89-6127A4FD2A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01188" y="3810569"/>
            <a:ext cx="702657" cy="7026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2">
            <a:extLst>
              <a:ext uri="{FF2B5EF4-FFF2-40B4-BE49-F238E27FC236}">
                <a16:creationId xmlns:a16="http://schemas.microsoft.com/office/drawing/2014/main" id="{4510C9A4-3FFE-4950-9A15-820BE333180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42944" y="5084975"/>
            <a:ext cx="702657" cy="7026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 descr="Backup, database, server">
            <a:extLst>
              <a:ext uri="{FF2B5EF4-FFF2-40B4-BE49-F238E27FC236}">
                <a16:creationId xmlns:a16="http://schemas.microsoft.com/office/drawing/2014/main" id="{A7A227B0-EFF4-41DB-ACDF-CDB7C4C8FF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471" y="2522689"/>
            <a:ext cx="1108364" cy="1108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2" descr="Backup, database, server">
            <a:extLst>
              <a:ext uri="{FF2B5EF4-FFF2-40B4-BE49-F238E27FC236}">
                <a16:creationId xmlns:a16="http://schemas.microsoft.com/office/drawing/2014/main" id="{9D848525-08FD-41C7-B839-517663B4C40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471" y="3851139"/>
            <a:ext cx="1108364" cy="1108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2" descr="Backup, database, server">
            <a:extLst>
              <a:ext uri="{FF2B5EF4-FFF2-40B4-BE49-F238E27FC236}">
                <a16:creationId xmlns:a16="http://schemas.microsoft.com/office/drawing/2014/main" id="{7AA4BC11-A4DE-4AEC-89F7-FF33C60F7DA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471" y="5266508"/>
            <a:ext cx="1108364" cy="1108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F35A1B34-2FE0-4858-81E0-71503D9B8455}"/>
              </a:ext>
            </a:extLst>
          </p:cNvPr>
          <p:cNvCxnSpPr>
            <a:cxnSpLocks/>
            <a:stCxn id="26" idx="2"/>
            <a:endCxn id="28" idx="2"/>
          </p:cNvCxnSpPr>
          <p:nvPr/>
        </p:nvCxnSpPr>
        <p:spPr>
          <a:xfrm rot="16200000" flipH="1">
            <a:off x="7710843" y="3571062"/>
            <a:ext cx="587240" cy="5020380"/>
          </a:xfrm>
          <a:prstGeom prst="curvedConnector3">
            <a:avLst>
              <a:gd name="adj1" fmla="val 138928"/>
            </a:avLst>
          </a:prstGeom>
          <a:ln w="38100">
            <a:solidFill>
              <a:srgbClr val="C00000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6AEFE8D-E3CA-4889-A0D5-F597C904EDD9}"/>
              </a:ext>
            </a:extLst>
          </p:cNvPr>
          <p:cNvCxnSpPr>
            <a:cxnSpLocks/>
            <a:stCxn id="25" idx="0"/>
            <a:endCxn id="6" idx="1"/>
          </p:cNvCxnSpPr>
          <p:nvPr/>
        </p:nvCxnSpPr>
        <p:spPr>
          <a:xfrm rot="5400000" flipH="1" flipV="1">
            <a:off x="7789645" y="1639743"/>
            <a:ext cx="733698" cy="3607954"/>
          </a:xfrm>
          <a:prstGeom prst="curvedConnector2">
            <a:avLst/>
          </a:prstGeom>
          <a:ln w="38100">
            <a:solidFill>
              <a:srgbClr val="C00000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Content Placeholder 4">
            <a:extLst>
              <a:ext uri="{FF2B5EF4-FFF2-40B4-BE49-F238E27FC236}">
                <a16:creationId xmlns:a16="http://schemas.microsoft.com/office/drawing/2014/main" id="{50F8799A-B77D-492C-A98D-5FD14014049B}"/>
              </a:ext>
            </a:extLst>
          </p:cNvPr>
          <p:cNvSpPr txBox="1">
            <a:spLocks/>
          </p:cNvSpPr>
          <p:nvPr/>
        </p:nvSpPr>
        <p:spPr>
          <a:xfrm>
            <a:off x="365142" y="887123"/>
            <a:ext cx="1487659" cy="1450487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US" sz="88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“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F6C01C7-1120-434C-93C0-62B4E35D8A00}"/>
              </a:ext>
            </a:extLst>
          </p:cNvPr>
          <p:cNvSpPr txBox="1"/>
          <p:nvPr/>
        </p:nvSpPr>
        <p:spPr>
          <a:xfrm>
            <a:off x="7080542" y="2731101"/>
            <a:ext cx="207645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dirty="0">
                <a:solidFill>
                  <a:srgbClr val="C00000"/>
                </a:solidFill>
                <a:latin typeface="Saira SemiCondensed" panose="00000506000000000000" pitchFamily="2" charset="0"/>
              </a:rPr>
              <a:t>Attribution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23173DF7-0E25-4889-8F9F-4CD01C88C6FF}"/>
              </a:ext>
            </a:extLst>
          </p:cNvPr>
          <p:cNvSpPr txBox="1"/>
          <p:nvPr/>
        </p:nvSpPr>
        <p:spPr>
          <a:xfrm>
            <a:off x="7080542" y="6199492"/>
            <a:ext cx="207645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dirty="0">
                <a:solidFill>
                  <a:srgbClr val="C00000"/>
                </a:solidFill>
                <a:latin typeface="Saira SemiCondensed" panose="00000506000000000000" pitchFamily="2" charset="0"/>
              </a:rPr>
              <a:t>Attribution</a:t>
            </a:r>
          </a:p>
        </p:txBody>
      </p:sp>
    </p:spTree>
    <p:extLst>
      <p:ext uri="{BB962C8B-B14F-4D97-AF65-F5344CB8AC3E}">
        <p14:creationId xmlns:p14="http://schemas.microsoft.com/office/powerpoint/2010/main" val="15510191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0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0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1000"/>
                            </p:stCondLst>
                            <p:childTnLst>
                              <p:par>
                                <p:cTn id="38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1500"/>
                            </p:stCondLst>
                            <p:childTnLst>
                              <p:par>
                                <p:cTn id="4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21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CEE23-38C3-4CD0-8991-EBF497B009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cord and repla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3C74C27-0036-4DAB-AA58-6A6F6643876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194239"/>
            <a:ext cx="7799363" cy="2234761"/>
          </a:xfrm>
        </p:spPr>
        <p:txBody>
          <a:bodyPr/>
          <a:lstStyle/>
          <a:p>
            <a:r>
              <a:rPr lang="en-US" b="1" dirty="0"/>
              <a:t>Sounds like a good plan, but …</a:t>
            </a:r>
          </a:p>
          <a:p>
            <a:pPr marL="914400" lvl="1" indent="-457200">
              <a:buAutoNum type="arabicParenBoth"/>
            </a:pPr>
            <a:r>
              <a:rPr lang="en-US" dirty="0"/>
              <a:t>an exploit often happens during a long-running execution of a complex and concurrent application</a:t>
            </a:r>
          </a:p>
          <a:p>
            <a:pPr marL="914400" lvl="1" indent="-457200">
              <a:buAutoNum type="arabicParenBoth"/>
            </a:pPr>
            <a:r>
              <a:rPr lang="en-US" dirty="0"/>
              <a:t>analyzing attack delivery process often requires user-interactions on the reconstructed execu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E60DAB-7636-43D4-95F2-B77B7F6E8D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4</a:t>
            </a:fld>
            <a:endParaRPr lang="en-US"/>
          </a:p>
        </p:txBody>
      </p:sp>
      <p:pic>
        <p:nvPicPr>
          <p:cNvPr id="2050" name="Picture 2" descr="Image result for record and replay">
            <a:extLst>
              <a:ext uri="{FF2B5EF4-FFF2-40B4-BE49-F238E27FC236}">
                <a16:creationId xmlns:a16="http://schemas.microsoft.com/office/drawing/2014/main" id="{4B513B67-C9FF-4C7C-9365-67CC159FF8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36666" y="0"/>
            <a:ext cx="3255334" cy="20345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6ED5D3B8-D4B4-4C93-AF38-EB6C5D83A8AB}"/>
              </a:ext>
            </a:extLst>
          </p:cNvPr>
          <p:cNvSpPr txBox="1">
            <a:spLocks/>
          </p:cNvSpPr>
          <p:nvPr/>
        </p:nvSpPr>
        <p:spPr>
          <a:xfrm>
            <a:off x="838200" y="3558253"/>
            <a:ext cx="11039622" cy="2234761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Saira SemiCondensed" panose="00000506000000000000" pitchFamily="2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/>
              <a:t>Existing solutions</a:t>
            </a:r>
          </a:p>
          <a:p>
            <a:pPr marL="914400" lvl="1" indent="-457200">
              <a:buFont typeface="Arial" panose="020B0604020202020204" pitchFamily="34" charset="0"/>
              <a:buAutoNum type="arabicParenBoth"/>
            </a:pPr>
            <a:r>
              <a:rPr lang="en-US" dirty="0"/>
              <a:t>are not designed to replay a short partial execution of </a:t>
            </a:r>
            <a:br>
              <a:rPr lang="en-US" dirty="0"/>
            </a:br>
            <a:r>
              <a:rPr lang="en-US" b="1" dirty="0"/>
              <a:t>a</a:t>
            </a:r>
            <a:r>
              <a:rPr lang="en-US" dirty="0"/>
              <a:t> </a:t>
            </a:r>
            <a:r>
              <a:rPr lang="en-US" b="1" dirty="0"/>
              <a:t>long and concurrent execution</a:t>
            </a:r>
          </a:p>
          <a:p>
            <a:pPr marL="914400" lvl="1" indent="-457200">
              <a:buFont typeface="Arial" panose="020B0604020202020204" pitchFamily="34" charset="0"/>
              <a:buAutoNum type="arabicParenBoth"/>
            </a:pPr>
            <a:r>
              <a:rPr lang="en-US" dirty="0"/>
              <a:t>do not allow user interactions on a replay execution </a:t>
            </a:r>
            <a:br>
              <a:rPr lang="en-US" dirty="0"/>
            </a:br>
            <a:r>
              <a:rPr lang="en-US" dirty="0"/>
              <a:t>(because </a:t>
            </a:r>
            <a:r>
              <a:rPr lang="en-US" b="1" dirty="0"/>
              <a:t>user interactions </a:t>
            </a:r>
            <a:r>
              <a:rPr lang="en-US" dirty="0"/>
              <a:t>would make the replay execution </a:t>
            </a:r>
            <a:r>
              <a:rPr lang="en-US" b="1" dirty="0"/>
              <a:t>divert </a:t>
            </a:r>
            <a:r>
              <a:rPr lang="en-US" dirty="0"/>
              <a:t>from its recording)</a:t>
            </a:r>
          </a:p>
        </p:txBody>
      </p:sp>
    </p:spTree>
    <p:extLst>
      <p:ext uri="{BB962C8B-B14F-4D97-AF65-F5344CB8AC3E}">
        <p14:creationId xmlns:p14="http://schemas.microsoft.com/office/powerpoint/2010/main" val="25659671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4E25CF-BF53-4140-B45C-6CC0A3BB6A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u="sng" dirty="0"/>
              <a:t>C</a:t>
            </a:r>
            <a:r>
              <a:rPr lang="en-US" dirty="0"/>
              <a:t>yber </a:t>
            </a:r>
            <a:r>
              <a:rPr lang="en-US" u="sng" dirty="0"/>
              <a:t>C</a:t>
            </a:r>
            <a:r>
              <a:rPr lang="en-US" dirty="0"/>
              <a:t>rime </a:t>
            </a:r>
            <a:r>
              <a:rPr lang="en-US" u="sng" dirty="0"/>
              <a:t>S</a:t>
            </a:r>
            <a:r>
              <a:rPr lang="en-US" dirty="0"/>
              <a:t>cene </a:t>
            </a:r>
            <a:r>
              <a:rPr lang="en-US" u="sng" dirty="0"/>
              <a:t>R</a:t>
            </a:r>
            <a:r>
              <a:rPr lang="en-US" dirty="0"/>
              <a:t>econstruction (C</a:t>
            </a:r>
            <a:r>
              <a:rPr lang="en-US" baseline="30000" dirty="0"/>
              <a:t>2</a:t>
            </a:r>
            <a:r>
              <a:rPr lang="en-US" dirty="0"/>
              <a:t>SR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794A35-F23E-4020-92F1-1F2D963C1B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Reconstruct (1) </a:t>
            </a:r>
            <a:r>
              <a:rPr lang="en-US" sz="3200" b="1" u="sng" dirty="0"/>
              <a:t>partial execution</a:t>
            </a:r>
            <a:r>
              <a:rPr lang="en-US" sz="3200" dirty="0"/>
              <a:t> that is (2) </a:t>
            </a:r>
            <a:r>
              <a:rPr lang="en-US" sz="3200" b="1" u="sng" dirty="0"/>
              <a:t>interactable</a:t>
            </a:r>
          </a:p>
          <a:p>
            <a:pPr lvl="1"/>
            <a:r>
              <a:rPr lang="en-US" sz="2800" dirty="0"/>
              <a:t>Reconstruct a partial execution of a single autonomous task </a:t>
            </a:r>
            <a:br>
              <a:rPr lang="en-US" sz="2800" dirty="0"/>
            </a:br>
            <a:r>
              <a:rPr lang="en-US" sz="2800" dirty="0"/>
              <a:t>(e.g., browser tab)</a:t>
            </a:r>
          </a:p>
          <a:p>
            <a:pPr lvl="1"/>
            <a:r>
              <a:rPr lang="en-US" sz="2800" dirty="0"/>
              <a:t>Interacting with the reconstructed execution for debugging is allowed</a:t>
            </a:r>
          </a:p>
          <a:p>
            <a:endParaRPr lang="en-US" sz="3200" dirty="0"/>
          </a:p>
          <a:p>
            <a:r>
              <a:rPr lang="en-US" sz="3200" dirty="0"/>
              <a:t>Key enabling technique</a:t>
            </a:r>
          </a:p>
          <a:p>
            <a:pPr lvl="1"/>
            <a:r>
              <a:rPr lang="en-US" sz="2800" dirty="0"/>
              <a:t>Resource-based execution partitioning</a:t>
            </a:r>
          </a:p>
          <a:p>
            <a:pPr lvl="1"/>
            <a:r>
              <a:rPr lang="en-US" sz="2800" dirty="0"/>
              <a:t>Definition of </a:t>
            </a:r>
            <a:r>
              <a:rPr lang="en-US" sz="2800" b="1" dirty="0"/>
              <a:t>consistent </a:t>
            </a:r>
            <a:r>
              <a:rPr lang="en-US" sz="2800" dirty="0"/>
              <a:t>resource access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6C8AC85-BAF2-470F-ADED-50C83727B2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939568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D4744-3C17-45EE-B382-5032C93672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n example: Timeline of 10 browser tab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A40167-EAC1-4F2C-81FA-0E58CE5FE4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6</a:t>
            </a:fld>
            <a:endParaRPr lang="en-US"/>
          </a:p>
        </p:txBody>
      </p:sp>
      <p:pic>
        <p:nvPicPr>
          <p:cNvPr id="92" name="Picture 91">
            <a:extLst>
              <a:ext uri="{FF2B5EF4-FFF2-40B4-BE49-F238E27FC236}">
                <a16:creationId xmlns:a16="http://schemas.microsoft.com/office/drawing/2014/main" id="{50C20C0B-61F5-447D-B205-C9C65F32670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72181" y="1134709"/>
            <a:ext cx="10447638" cy="4074484"/>
          </a:xfrm>
          <a:prstGeom prst="rect">
            <a:avLst/>
          </a:prstGeom>
        </p:spPr>
      </p:pic>
      <p:pic>
        <p:nvPicPr>
          <p:cNvPr id="113" name="Picture 112">
            <a:extLst>
              <a:ext uri="{FF2B5EF4-FFF2-40B4-BE49-F238E27FC236}">
                <a16:creationId xmlns:a16="http://schemas.microsoft.com/office/drawing/2014/main" id="{B94D4C6E-749F-4215-B2D1-D9DD60A5DA6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4103" y="5201250"/>
            <a:ext cx="10445716" cy="2861712"/>
          </a:xfrm>
          <a:prstGeom prst="rect">
            <a:avLst/>
          </a:prstGeom>
        </p:spPr>
      </p:pic>
      <p:pic>
        <p:nvPicPr>
          <p:cNvPr id="116" name="Picture 115">
            <a:extLst>
              <a:ext uri="{FF2B5EF4-FFF2-40B4-BE49-F238E27FC236}">
                <a16:creationId xmlns:a16="http://schemas.microsoft.com/office/drawing/2014/main" id="{88D093EA-71A4-4D2F-A45A-4BB49F5BAA7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72181" y="1134709"/>
            <a:ext cx="10445716" cy="4091398"/>
          </a:xfrm>
          <a:prstGeom prst="rect">
            <a:avLst/>
          </a:prstGeom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364C442B-69C0-463F-9F7D-508B349007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64634" y="4239194"/>
            <a:ext cx="702657" cy="7026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984228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D4744-3C17-45EE-B382-5032C93672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n example: Timeline of 10 browser tab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A40167-EAC1-4F2C-81FA-0E58CE5FE4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7</a:t>
            </a:fld>
            <a:endParaRPr lang="en-US"/>
          </a:p>
        </p:txBody>
      </p:sp>
      <p:cxnSp>
        <p:nvCxnSpPr>
          <p:cNvPr id="5" name="OTLSHAPE_T_537301c8be434860a3593caac61a1d74_LeftVerticalConnector2">
            <a:extLst>
              <a:ext uri="{FF2B5EF4-FFF2-40B4-BE49-F238E27FC236}">
                <a16:creationId xmlns:a16="http://schemas.microsoft.com/office/drawing/2014/main" id="{457B597C-6F9D-4819-BBD6-7E07F8278471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5396680" y="1499225"/>
            <a:ext cx="0" cy="3330575"/>
          </a:xfrm>
          <a:prstGeom prst="line">
            <a:avLst/>
          </a:prstGeom>
          <a:ln w="9525" cap="flat" cmpd="sng" algn="ctr">
            <a:solidFill>
              <a:srgbClr val="3F3F3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ounded Rectangle 112">
            <a:extLst>
              <a:ext uri="{FF2B5EF4-FFF2-40B4-BE49-F238E27FC236}">
                <a16:creationId xmlns:a16="http://schemas.microsoft.com/office/drawing/2014/main" id="{5EAEB94F-FFD8-4EEB-8BD8-62C95AD0D2FC}"/>
              </a:ext>
            </a:extLst>
          </p:cNvPr>
          <p:cNvSpPr/>
          <p:nvPr/>
        </p:nvSpPr>
        <p:spPr>
          <a:xfrm>
            <a:off x="5419562" y="1510972"/>
            <a:ext cx="6199187" cy="3293955"/>
          </a:xfrm>
          <a:prstGeom prst="roundRect">
            <a:avLst>
              <a:gd name="adj" fmla="val 1907"/>
            </a:avLst>
          </a:prstGeom>
          <a:solidFill>
            <a:srgbClr val="F2F2F2">
              <a:alpha val="60000"/>
            </a:srgbClr>
          </a:solidFill>
          <a:ln w="9525">
            <a:solidFill>
              <a:schemeClr val="tx1">
                <a:lumMod val="50000"/>
                <a:lumOff val="50000"/>
              </a:schemeClr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Palatino" pitchFamily="2" charset="0"/>
            </a:endParaRPr>
          </a:p>
        </p:txBody>
      </p:sp>
      <p:sp>
        <p:nvSpPr>
          <p:cNvPr id="7" name="Rounded Rectangle 111">
            <a:extLst>
              <a:ext uri="{FF2B5EF4-FFF2-40B4-BE49-F238E27FC236}">
                <a16:creationId xmlns:a16="http://schemas.microsoft.com/office/drawing/2014/main" id="{53413122-4FE6-48C1-9698-D7EB64B5DF61}"/>
              </a:ext>
            </a:extLst>
          </p:cNvPr>
          <p:cNvSpPr/>
          <p:nvPr/>
        </p:nvSpPr>
        <p:spPr>
          <a:xfrm>
            <a:off x="6899306" y="1561772"/>
            <a:ext cx="4671137" cy="3226690"/>
          </a:xfrm>
          <a:prstGeom prst="roundRect">
            <a:avLst>
              <a:gd name="adj" fmla="val 1907"/>
            </a:avLst>
          </a:prstGeom>
          <a:solidFill>
            <a:schemeClr val="accent2">
              <a:lumMod val="40000"/>
              <a:lumOff val="60000"/>
              <a:alpha val="50196"/>
            </a:schemeClr>
          </a:solidFill>
          <a:ln w="9525">
            <a:solidFill>
              <a:schemeClr val="accent2">
                <a:lumMod val="50000"/>
              </a:schemeClr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Palatino" pitchFamily="2" charset="0"/>
            </a:endParaRPr>
          </a:p>
        </p:txBody>
      </p:sp>
      <p:sp>
        <p:nvSpPr>
          <p:cNvPr id="8" name="Rounded Rectangle 1">
            <a:extLst>
              <a:ext uri="{FF2B5EF4-FFF2-40B4-BE49-F238E27FC236}">
                <a16:creationId xmlns:a16="http://schemas.microsoft.com/office/drawing/2014/main" id="{169B53A5-71DB-43B6-A09D-EC97553F2593}"/>
              </a:ext>
            </a:extLst>
          </p:cNvPr>
          <p:cNvSpPr/>
          <p:nvPr/>
        </p:nvSpPr>
        <p:spPr>
          <a:xfrm>
            <a:off x="6921532" y="4463385"/>
            <a:ext cx="4631565" cy="290151"/>
          </a:xfrm>
          <a:prstGeom prst="roundRect">
            <a:avLst/>
          </a:prstGeom>
          <a:solidFill>
            <a:srgbClr val="F1947A">
              <a:alpha val="78039"/>
            </a:srgbClr>
          </a:solidFill>
          <a:ln w="9525">
            <a:solidFill>
              <a:schemeClr val="accent1">
                <a:lumMod val="75000"/>
              </a:schemeClr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Palatino" pitchFamily="2" charset="0"/>
            </a:endParaRPr>
          </a:p>
        </p:txBody>
      </p:sp>
      <p:sp>
        <p:nvSpPr>
          <p:cNvPr id="9" name="OTLSHAPE_T_d8502c78226543bc8672e994ada88a11_Shape">
            <a:extLst>
              <a:ext uri="{FF2B5EF4-FFF2-40B4-BE49-F238E27FC236}">
                <a16:creationId xmlns:a16="http://schemas.microsoft.com/office/drawing/2014/main" id="{719B3310-7779-4859-9D91-9887DC55945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684676" y="3873468"/>
            <a:ext cx="209012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youtube.com</a:t>
            </a:r>
          </a:p>
        </p:txBody>
      </p:sp>
      <p:sp>
        <p:nvSpPr>
          <p:cNvPr id="10" name="OTLSHAPE_T_d8502c78226543bc8672e994ada88a11_Title">
            <a:extLst>
              <a:ext uri="{FF2B5EF4-FFF2-40B4-BE49-F238E27FC236}">
                <a16:creationId xmlns:a16="http://schemas.microsoft.com/office/drawing/2014/main" id="{1DD1FE27-EE32-4728-A34C-70481C5D349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4492787" y="3875553"/>
            <a:ext cx="86214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2"/>
                </a:solidFill>
                <a:latin typeface="Palatino" pitchFamily="2" charset="0"/>
              </a:rPr>
              <a:t>8</a:t>
            </a:r>
          </a:p>
        </p:txBody>
      </p:sp>
      <p:sp>
        <p:nvSpPr>
          <p:cNvPr id="11" name="OTLSHAPE_T_000a92dd9b124873a0da1178375d72a8_Title">
            <a:extLst>
              <a:ext uri="{FF2B5EF4-FFF2-40B4-BE49-F238E27FC236}">
                <a16:creationId xmlns:a16="http://schemas.microsoft.com/office/drawing/2014/main" id="{B603140A-1687-4EB5-BFC8-45A72BAD546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496326" y="4204042"/>
            <a:ext cx="850889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2"/>
                </a:solidFill>
                <a:latin typeface="Palatino" pitchFamily="2" charset="0"/>
              </a:rPr>
              <a:t>9</a:t>
            </a:r>
          </a:p>
        </p:txBody>
      </p:sp>
      <p:sp>
        <p:nvSpPr>
          <p:cNvPr id="12" name="OTLSHAPE_T_000a92dd9b124873a0da1178375d72a8_Shape">
            <a:extLst>
              <a:ext uri="{FF2B5EF4-FFF2-40B4-BE49-F238E27FC236}">
                <a16:creationId xmlns:a16="http://schemas.microsoft.com/office/drawing/2014/main" id="{8AEF8C54-6C4B-483C-A2E3-8EDE1E67EA5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710076" y="4192172"/>
            <a:ext cx="959528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cnn.com</a:t>
            </a:r>
          </a:p>
        </p:txBody>
      </p:sp>
      <p:sp>
        <p:nvSpPr>
          <p:cNvPr id="13" name="OTLSHAPE_T_000a92dd9b124873a0da1178375d72a8_Shape">
            <a:extLst>
              <a:ext uri="{FF2B5EF4-FFF2-40B4-BE49-F238E27FC236}">
                <a16:creationId xmlns:a16="http://schemas.microsoft.com/office/drawing/2014/main" id="{56079FC7-853A-4E6F-97B3-08B1F5D5908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15429" y="4192172"/>
            <a:ext cx="764141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krxd.net</a:t>
            </a:r>
          </a:p>
        </p:txBody>
      </p:sp>
      <p:sp>
        <p:nvSpPr>
          <p:cNvPr id="14" name="OTLSHAPE_T_d8502c78226543bc8672e994ada88a11_Shape">
            <a:extLst>
              <a:ext uri="{FF2B5EF4-FFF2-40B4-BE49-F238E27FC236}">
                <a16:creationId xmlns:a16="http://schemas.microsoft.com/office/drawing/2014/main" id="{C935FB9C-BF95-4611-A55D-686F8EB2D54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635163" y="3863683"/>
            <a:ext cx="299473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10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15" name="OTLSHAPE_T_d8502c78226543bc8672e994ada88a11_Shape">
            <a:extLst>
              <a:ext uri="{FF2B5EF4-FFF2-40B4-BE49-F238E27FC236}">
                <a16:creationId xmlns:a16="http://schemas.microsoft.com/office/drawing/2014/main" id="{49D47C77-F861-4F44-8B0A-2F3E61EE929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5684676" y="3543025"/>
            <a:ext cx="1217338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docs.google.com</a:t>
            </a:r>
          </a:p>
        </p:txBody>
      </p:sp>
      <p:sp>
        <p:nvSpPr>
          <p:cNvPr id="16" name="OTLSHAPE_T_d8502c78226543bc8672e994ada88a11_Title">
            <a:extLst>
              <a:ext uri="{FF2B5EF4-FFF2-40B4-BE49-F238E27FC236}">
                <a16:creationId xmlns:a16="http://schemas.microsoft.com/office/drawing/2014/main" id="{C00EBC8A-ADFF-49E0-9B93-29248E1A0DBF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026746" y="3545110"/>
            <a:ext cx="3366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2"/>
                </a:solidFill>
                <a:latin typeface="Palatino" pitchFamily="2" charset="0"/>
              </a:rPr>
              <a:t>7</a:t>
            </a:r>
          </a:p>
        </p:txBody>
      </p:sp>
      <p:sp>
        <p:nvSpPr>
          <p:cNvPr id="17" name="OTLSHAPE_T_d8502c78226543bc8672e994ada88a11_Shape">
            <a:extLst>
              <a:ext uri="{FF2B5EF4-FFF2-40B4-BE49-F238E27FC236}">
                <a16:creationId xmlns:a16="http://schemas.microsoft.com/office/drawing/2014/main" id="{FD76E535-0E3B-4C80-8A4F-44809F44045B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794974" y="3533240"/>
            <a:ext cx="287225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9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18" name="OTLSHAPE_T_d8502c78226543bc8672e994ada88a11_Shape">
            <a:extLst>
              <a:ext uri="{FF2B5EF4-FFF2-40B4-BE49-F238E27FC236}">
                <a16:creationId xmlns:a16="http://schemas.microsoft.com/office/drawing/2014/main" id="{A0DAD424-A6A6-4A5E-886B-1B3C9333ECC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123547" y="3533240"/>
            <a:ext cx="260379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9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19" name="OTLSHAPE_T_d8502c78226543bc8672e994ada88a11_Shape">
            <a:extLst>
              <a:ext uri="{FF2B5EF4-FFF2-40B4-BE49-F238E27FC236}">
                <a16:creationId xmlns:a16="http://schemas.microsoft.com/office/drawing/2014/main" id="{27943E48-51D6-44FF-8FB9-30CD8100399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660410" y="3201190"/>
            <a:ext cx="1524214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webchat.freenode.net</a:t>
            </a:r>
          </a:p>
        </p:txBody>
      </p:sp>
      <p:sp>
        <p:nvSpPr>
          <p:cNvPr id="20" name="OTLSHAPE_T_d8502c78226543bc8672e994ada88a11_Title">
            <a:extLst>
              <a:ext uri="{FF2B5EF4-FFF2-40B4-BE49-F238E27FC236}">
                <a16:creationId xmlns:a16="http://schemas.microsoft.com/office/drawing/2014/main" id="{0ECC1AA3-751F-4592-9BB1-F6352331C9B0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028446" y="3213060"/>
            <a:ext cx="3366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2"/>
                </a:solidFill>
                <a:latin typeface="Palatino" pitchFamily="2" charset="0"/>
              </a:rPr>
              <a:t>6</a:t>
            </a:r>
          </a:p>
        </p:txBody>
      </p:sp>
      <p:sp>
        <p:nvSpPr>
          <p:cNvPr id="21" name="OTLSHAPE_T_d8502c78226543bc8672e994ada88a11_Shape">
            <a:extLst>
              <a:ext uri="{FF2B5EF4-FFF2-40B4-BE49-F238E27FC236}">
                <a16:creationId xmlns:a16="http://schemas.microsoft.com/office/drawing/2014/main" id="{B5414E7A-AEBF-4A0A-AF03-EC496AA2D9F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235986" y="3201190"/>
            <a:ext cx="339797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7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22" name="OTLSHAPE_T_d8502c78226543bc8672e994ada88a11_Shape">
            <a:extLst>
              <a:ext uri="{FF2B5EF4-FFF2-40B4-BE49-F238E27FC236}">
                <a16:creationId xmlns:a16="http://schemas.microsoft.com/office/drawing/2014/main" id="{DEB9CD64-FCF9-4872-9501-A29BDDDD5D5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235138" y="3201190"/>
            <a:ext cx="26595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8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23" name="OTLSHAPE_T_d8502c78226543bc8672e994ada88a11_Shape">
            <a:extLst>
              <a:ext uri="{FF2B5EF4-FFF2-40B4-BE49-F238E27FC236}">
                <a16:creationId xmlns:a16="http://schemas.microsoft.com/office/drawing/2014/main" id="{C92988A9-3747-4F83-A9B7-D6B84CC9669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660409" y="2874308"/>
            <a:ext cx="1354341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nyt.com</a:t>
            </a:r>
          </a:p>
        </p:txBody>
      </p:sp>
      <p:sp>
        <p:nvSpPr>
          <p:cNvPr id="24" name="OTLSHAPE_T_d8502c78226543bc8672e994ada88a11_Title">
            <a:extLst>
              <a:ext uri="{FF2B5EF4-FFF2-40B4-BE49-F238E27FC236}">
                <a16:creationId xmlns:a16="http://schemas.microsoft.com/office/drawing/2014/main" id="{21B7B336-50B9-4B14-A8A1-7C911CB6DCAC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036226" y="2886178"/>
            <a:ext cx="3366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2"/>
                </a:solidFill>
                <a:latin typeface="Palatino" pitchFamily="2" charset="0"/>
              </a:rPr>
              <a:t>5</a:t>
            </a:r>
          </a:p>
        </p:txBody>
      </p:sp>
      <p:sp>
        <p:nvSpPr>
          <p:cNvPr id="25" name="OTLSHAPE_T_d8502c78226543bc8672e994ada88a11_Shape">
            <a:extLst>
              <a:ext uri="{FF2B5EF4-FFF2-40B4-BE49-F238E27FC236}">
                <a16:creationId xmlns:a16="http://schemas.microsoft.com/office/drawing/2014/main" id="{3819CC36-73CA-43B8-8A98-94D72272533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512507" y="2873848"/>
            <a:ext cx="809665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krxd.net</a:t>
            </a:r>
          </a:p>
        </p:txBody>
      </p:sp>
      <p:sp>
        <p:nvSpPr>
          <p:cNvPr id="26" name="OTLSHAPE_T_d8502c78226543bc8672e994ada88a11_Shape">
            <a:extLst>
              <a:ext uri="{FF2B5EF4-FFF2-40B4-BE49-F238E27FC236}">
                <a16:creationId xmlns:a16="http://schemas.microsoft.com/office/drawing/2014/main" id="{DDC8BB7B-B2EA-4F1B-BC4F-0D689940675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630230" y="2874308"/>
            <a:ext cx="1560958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nytimes.com</a:t>
            </a:r>
          </a:p>
        </p:txBody>
      </p:sp>
      <p:sp>
        <p:nvSpPr>
          <p:cNvPr id="27" name="OTLSHAPE_T_d8502c78226543bc8672e994ada88a11_Shape">
            <a:extLst>
              <a:ext uri="{FF2B5EF4-FFF2-40B4-BE49-F238E27FC236}">
                <a16:creationId xmlns:a16="http://schemas.microsoft.com/office/drawing/2014/main" id="{A75516CC-09EA-4CE9-A60B-910F8B2F60B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588974" y="2559020"/>
            <a:ext cx="1281926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mail.google.com</a:t>
            </a:r>
          </a:p>
        </p:txBody>
      </p:sp>
      <p:sp>
        <p:nvSpPr>
          <p:cNvPr id="28" name="OTLSHAPE_T_d8502c78226543bc8672e994ada88a11_Title">
            <a:extLst>
              <a:ext uri="{FF2B5EF4-FFF2-40B4-BE49-F238E27FC236}">
                <a16:creationId xmlns:a16="http://schemas.microsoft.com/office/drawing/2014/main" id="{65360587-26C4-4480-957E-40B314DF97DB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5028446" y="2570890"/>
            <a:ext cx="3366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2"/>
                </a:solidFill>
                <a:latin typeface="Palatino" pitchFamily="2" charset="0"/>
              </a:rPr>
              <a:t>4</a:t>
            </a:r>
          </a:p>
        </p:txBody>
      </p:sp>
      <p:sp>
        <p:nvSpPr>
          <p:cNvPr id="29" name="OTLSHAPE_T_d8502c78226543bc8672e994ada88a11_Shape">
            <a:extLst>
              <a:ext uri="{FF2B5EF4-FFF2-40B4-BE49-F238E27FC236}">
                <a16:creationId xmlns:a16="http://schemas.microsoft.com/office/drawing/2014/main" id="{601E58E0-EC07-4530-93A4-C22541BF896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558794" y="2559020"/>
            <a:ext cx="1136821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google.com</a:t>
            </a:r>
          </a:p>
        </p:txBody>
      </p:sp>
      <p:sp>
        <p:nvSpPr>
          <p:cNvPr id="30" name="OTLSHAPE_T_d8502c78226543bc8672e994ada88a11_Shape">
            <a:extLst>
              <a:ext uri="{FF2B5EF4-FFF2-40B4-BE49-F238E27FC236}">
                <a16:creationId xmlns:a16="http://schemas.microsoft.com/office/drawing/2014/main" id="{DFB918CD-7F2C-47EB-85D6-BD44F812C6E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377196" y="2559020"/>
            <a:ext cx="1136821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google.com</a:t>
            </a:r>
          </a:p>
        </p:txBody>
      </p:sp>
      <p:sp>
        <p:nvSpPr>
          <p:cNvPr id="31" name="OTLSHAPE_T_d8502c78226543bc8672e994ada88a11_Shape">
            <a:extLst>
              <a:ext uri="{FF2B5EF4-FFF2-40B4-BE49-F238E27FC236}">
                <a16:creationId xmlns:a16="http://schemas.microsoft.com/office/drawing/2014/main" id="{58EA3E07-F8A1-4454-B80A-0E84EEF74E2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592203" y="2258264"/>
            <a:ext cx="540234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5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32" name="OTLSHAPE_T_d8502c78226543bc8672e994ada88a11_Title">
            <a:extLst>
              <a:ext uri="{FF2B5EF4-FFF2-40B4-BE49-F238E27FC236}">
                <a16:creationId xmlns:a16="http://schemas.microsoft.com/office/drawing/2014/main" id="{F668E5FC-10A6-468F-BC05-173B4C2D14A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033891" y="2270134"/>
            <a:ext cx="3366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2"/>
                </a:solidFill>
                <a:latin typeface="Palatino" pitchFamily="2" charset="0"/>
              </a:rPr>
              <a:t>3</a:t>
            </a:r>
          </a:p>
        </p:txBody>
      </p:sp>
      <p:sp>
        <p:nvSpPr>
          <p:cNvPr id="33" name="OTLSHAPE_T_d8502c78226543bc8672e994ada88a11_Shape">
            <a:extLst>
              <a:ext uri="{FF2B5EF4-FFF2-40B4-BE49-F238E27FC236}">
                <a16:creationId xmlns:a16="http://schemas.microsoft.com/office/drawing/2014/main" id="{C80ACD3F-A8DF-4C6E-86AF-E978B31B57E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99945" y="2258264"/>
            <a:ext cx="233179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6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34" name="OTLSHAPE_T_d8502c78226543bc8672e994ada88a11_Shape">
            <a:extLst>
              <a:ext uri="{FF2B5EF4-FFF2-40B4-BE49-F238E27FC236}">
                <a16:creationId xmlns:a16="http://schemas.microsoft.com/office/drawing/2014/main" id="{41A78E1C-B8D8-4C01-85A7-573BF4E50A1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967356" y="4508383"/>
            <a:ext cx="1100659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moatads.com</a:t>
            </a:r>
          </a:p>
        </p:txBody>
      </p:sp>
      <p:sp>
        <p:nvSpPr>
          <p:cNvPr id="35" name="OTLSHAPE_T_d8502c78226543bc8672e994ada88a11_Title">
            <a:extLst>
              <a:ext uri="{FF2B5EF4-FFF2-40B4-BE49-F238E27FC236}">
                <a16:creationId xmlns:a16="http://schemas.microsoft.com/office/drawing/2014/main" id="{A9F27A88-2072-446C-B179-08C471104C2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969293" y="4517104"/>
            <a:ext cx="38571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4" dirty="0">
                <a:solidFill>
                  <a:srgbClr val="FF0000"/>
                </a:solidFill>
                <a:latin typeface="Palatino" pitchFamily="2" charset="0"/>
              </a:rPr>
              <a:t>10</a:t>
            </a:r>
          </a:p>
        </p:txBody>
      </p:sp>
      <p:sp>
        <p:nvSpPr>
          <p:cNvPr id="36" name="OTLSHAPE_T_d8502c78226543bc8672e994ada88a11_Shape">
            <a:extLst>
              <a:ext uri="{FF2B5EF4-FFF2-40B4-BE49-F238E27FC236}">
                <a16:creationId xmlns:a16="http://schemas.microsoft.com/office/drawing/2014/main" id="{B3FF8508-A848-42DC-A4A3-6C8C54FF500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209899" y="2258264"/>
            <a:ext cx="186749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6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37" name="OTLSHAPE_T_d8502c78226543bc8672e994ada88a11_Shape">
            <a:extLst>
              <a:ext uri="{FF2B5EF4-FFF2-40B4-BE49-F238E27FC236}">
                <a16:creationId xmlns:a16="http://schemas.microsoft.com/office/drawing/2014/main" id="{89683D52-B795-4682-9866-74B28FBF7A5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142299" y="4508383"/>
            <a:ext cx="8128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forbes.com</a:t>
            </a:r>
          </a:p>
        </p:txBody>
      </p:sp>
      <p:sp>
        <p:nvSpPr>
          <p:cNvPr id="38" name="OTLSHAPE_T_d8502c78226543bc8672e994ada88a11_Shape">
            <a:extLst>
              <a:ext uri="{FF2B5EF4-FFF2-40B4-BE49-F238E27FC236}">
                <a16:creationId xmlns:a16="http://schemas.microsoft.com/office/drawing/2014/main" id="{0D5F0AB7-F2BC-42E7-BF2A-D18DFC2D0CA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0027966" y="4508383"/>
            <a:ext cx="1509256" cy="203200"/>
          </a:xfrm>
          <a:prstGeom prst="round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Malicious Ads</a:t>
            </a:r>
          </a:p>
        </p:txBody>
      </p:sp>
      <p:sp>
        <p:nvSpPr>
          <p:cNvPr id="39" name="OTLSHAPE_T_d8502c78226543bc8672e994ada88a11_Shape">
            <a:extLst>
              <a:ext uri="{FF2B5EF4-FFF2-40B4-BE49-F238E27FC236}">
                <a16:creationId xmlns:a16="http://schemas.microsoft.com/office/drawing/2014/main" id="{589D75E5-47E8-4D82-8270-5035E8DBFCC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554930" y="1938372"/>
            <a:ext cx="541269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3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40" name="OTLSHAPE_T_d8502c78226543bc8672e994ada88a11_Title">
            <a:extLst>
              <a:ext uri="{FF2B5EF4-FFF2-40B4-BE49-F238E27FC236}">
                <a16:creationId xmlns:a16="http://schemas.microsoft.com/office/drawing/2014/main" id="{EF173D27-62A7-4BB5-93AA-D4AC00CDA2E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028446" y="1950242"/>
            <a:ext cx="3366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2"/>
                </a:solidFill>
                <a:latin typeface="Palatino" pitchFamily="2" charset="0"/>
              </a:rPr>
              <a:t>2</a:t>
            </a:r>
          </a:p>
        </p:txBody>
      </p:sp>
      <p:sp>
        <p:nvSpPr>
          <p:cNvPr id="41" name="OTLSHAPE_T_d8502c78226543bc8672e994ada88a11_Shape">
            <a:extLst>
              <a:ext uri="{FF2B5EF4-FFF2-40B4-BE49-F238E27FC236}">
                <a16:creationId xmlns:a16="http://schemas.microsoft.com/office/drawing/2014/main" id="{5BAAB730-EB0B-4336-B853-E8A47F13B6D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232687" y="1938372"/>
            <a:ext cx="207095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4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42" name="OTLSHAPE_T_d8502c78226543bc8672e994ada88a11_Shape">
            <a:extLst>
              <a:ext uri="{FF2B5EF4-FFF2-40B4-BE49-F238E27FC236}">
                <a16:creationId xmlns:a16="http://schemas.microsoft.com/office/drawing/2014/main" id="{A47B309B-1D56-420C-817D-63519012CEF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251963" y="1938372"/>
            <a:ext cx="207095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3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43" name="OTLSHAPE_T_d8502c78226543bc8672e994ada88a11_Shape">
            <a:extLst>
              <a:ext uri="{FF2B5EF4-FFF2-40B4-BE49-F238E27FC236}">
                <a16:creationId xmlns:a16="http://schemas.microsoft.com/office/drawing/2014/main" id="{7577239F-DD59-4805-AFD5-4EADF939CCC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246901" y="3863682"/>
            <a:ext cx="281510" cy="206147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10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44" name="OTLSHAPE_T_000a92dd9b124873a0da1178375d72a8_Shape">
            <a:extLst>
              <a:ext uri="{FF2B5EF4-FFF2-40B4-BE49-F238E27FC236}">
                <a16:creationId xmlns:a16="http://schemas.microsoft.com/office/drawing/2014/main" id="{C561ED62-2ED1-4FEB-A64A-11DF7C0BF0C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044766" y="4192172"/>
            <a:ext cx="809345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krxd.net</a:t>
            </a:r>
          </a:p>
        </p:txBody>
      </p:sp>
      <p:sp>
        <p:nvSpPr>
          <p:cNvPr id="45" name="OTLSHAPE_T_d8502c78226543bc8672e994ada88a11_Shape">
            <a:extLst>
              <a:ext uri="{FF2B5EF4-FFF2-40B4-BE49-F238E27FC236}">
                <a16:creationId xmlns:a16="http://schemas.microsoft.com/office/drawing/2014/main" id="{3807AC30-7227-4D30-9120-C35F482A94B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333124" y="4189225"/>
            <a:ext cx="293821" cy="207151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11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46" name="OTLSHAPE_T_d8502c78226543bc8672e994ada88a11_Shape">
            <a:extLst>
              <a:ext uri="{FF2B5EF4-FFF2-40B4-BE49-F238E27FC236}">
                <a16:creationId xmlns:a16="http://schemas.microsoft.com/office/drawing/2014/main" id="{771D1D36-D47E-4013-B5D3-7855C6F32BD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77015" y="1605996"/>
            <a:ext cx="122677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*.facebook.com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47" name="OTLSHAPE_T_d8502c78226543bc8672e994ada88a11_Title">
            <a:extLst>
              <a:ext uri="{FF2B5EF4-FFF2-40B4-BE49-F238E27FC236}">
                <a16:creationId xmlns:a16="http://schemas.microsoft.com/office/drawing/2014/main" id="{96F9B7C5-3949-464B-8A25-3305A93EC07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036267" y="1617866"/>
            <a:ext cx="3366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2"/>
                </a:solidFill>
                <a:latin typeface="Palatino" pitchFamily="2" charset="0"/>
              </a:rPr>
              <a:t>1</a:t>
            </a:r>
          </a:p>
        </p:txBody>
      </p:sp>
      <p:sp>
        <p:nvSpPr>
          <p:cNvPr id="48" name="OTLSHAPE_T_d8502c78226543bc8672e994ada88a11_Shape">
            <a:extLst>
              <a:ext uri="{FF2B5EF4-FFF2-40B4-BE49-F238E27FC236}">
                <a16:creationId xmlns:a16="http://schemas.microsoft.com/office/drawing/2014/main" id="{FBCD3FED-7792-4A8C-824B-8440FBCC872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820160" y="1605996"/>
            <a:ext cx="207095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1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49" name="OTLSHAPE_T_d8502c78226543bc8672e994ada88a11_Shape">
            <a:extLst>
              <a:ext uri="{FF2B5EF4-FFF2-40B4-BE49-F238E27FC236}">
                <a16:creationId xmlns:a16="http://schemas.microsoft.com/office/drawing/2014/main" id="{B1A5D59B-49AF-48B4-B6EB-38F20705449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758301" y="1605996"/>
            <a:ext cx="207095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2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50" name="OTLSHAPE_T_d8502c78226543bc8672e994ada88a11_Shape">
            <a:extLst>
              <a:ext uri="{FF2B5EF4-FFF2-40B4-BE49-F238E27FC236}">
                <a16:creationId xmlns:a16="http://schemas.microsoft.com/office/drawing/2014/main" id="{8F91F856-7A10-4A62-9418-884AEFCBB25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937156" y="4509812"/>
            <a:ext cx="801744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>
              <a:latin typeface="Palatino" pitchFamily="2" charset="0"/>
            </a:endParaRPr>
          </a:p>
        </p:txBody>
      </p:sp>
      <p:sp>
        <p:nvSpPr>
          <p:cNvPr id="51" name="OTLSHAPE_T_d8502c78226543bc8672e994ada88a11_Shape">
            <a:extLst>
              <a:ext uri="{FF2B5EF4-FFF2-40B4-BE49-F238E27FC236}">
                <a16:creationId xmlns:a16="http://schemas.microsoft.com/office/drawing/2014/main" id="{BC28DE3B-EE1D-4E03-A02E-EB28FF4704B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868288" y="4509812"/>
            <a:ext cx="1195829" cy="203200"/>
          </a:xfrm>
          <a:prstGeom prst="round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000" dirty="0">
                <a:solidFill>
                  <a:schemeClr val="bg1"/>
                </a:solidFill>
                <a:latin typeface="Palatino" pitchFamily="2" charset="0"/>
              </a:rPr>
              <a:t>*.forbes.com</a:t>
            </a:r>
          </a:p>
        </p:txBody>
      </p:sp>
      <p:sp>
        <p:nvSpPr>
          <p:cNvPr id="52" name="OTLSHAPE_M_809acb9bd4764553815fa5ce577572e4_Date">
            <a:extLst>
              <a:ext uri="{FF2B5EF4-FFF2-40B4-BE49-F238E27FC236}">
                <a16:creationId xmlns:a16="http://schemas.microsoft.com/office/drawing/2014/main" id="{2457D701-4DD8-43D9-8D46-073E886FBE1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561391" y="5156322"/>
            <a:ext cx="76214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rgbClr val="C00000"/>
                </a:solidFill>
                <a:latin typeface="Palatino" pitchFamily="2" charset="0"/>
              </a:rPr>
              <a:t>Tab 10 Opened</a:t>
            </a:r>
          </a:p>
        </p:txBody>
      </p:sp>
      <p:sp>
        <p:nvSpPr>
          <p:cNvPr id="53" name="OTLSHAPE_M_809acb9bd4764553815fa5ce577572e4_Date">
            <a:extLst>
              <a:ext uri="{FF2B5EF4-FFF2-40B4-BE49-F238E27FC236}">
                <a16:creationId xmlns:a16="http://schemas.microsoft.com/office/drawing/2014/main" id="{12288BCA-7623-40F1-9186-2271859A634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538265" y="5147120"/>
            <a:ext cx="989758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rgbClr val="C00000"/>
                </a:solidFill>
                <a:latin typeface="Palatino" pitchFamily="2" charset="0"/>
              </a:rPr>
              <a:t>Malicious Ad Launched</a:t>
            </a:r>
          </a:p>
        </p:txBody>
      </p:sp>
      <p:sp>
        <p:nvSpPr>
          <p:cNvPr id="54" name="OTLSHAPE_T_d8502c78226543bc8672e994ada88a11_Shape">
            <a:extLst>
              <a:ext uri="{FF2B5EF4-FFF2-40B4-BE49-F238E27FC236}">
                <a16:creationId xmlns:a16="http://schemas.microsoft.com/office/drawing/2014/main" id="{873B1984-24AA-4F43-8735-AD843D243E6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977449" y="3201190"/>
            <a:ext cx="26595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en-US" sz="1000" dirty="0">
                <a:latin typeface="Palatino" pitchFamily="2" charset="0"/>
              </a:rPr>
              <a:t>U8</a:t>
            </a:r>
            <a:endParaRPr lang="en-US" sz="1000" baseline="-25000" dirty="0">
              <a:latin typeface="Palatino" pitchFamily="2" charset="0"/>
            </a:endParaRPr>
          </a:p>
        </p:txBody>
      </p:sp>
      <p:sp>
        <p:nvSpPr>
          <p:cNvPr id="55" name="OTLSHAPE_M_809acb9bd4764553815fa5ce577572e4_Date">
            <a:extLst>
              <a:ext uri="{FF2B5EF4-FFF2-40B4-BE49-F238E27FC236}">
                <a16:creationId xmlns:a16="http://schemas.microsoft.com/office/drawing/2014/main" id="{6953F32A-56D2-45F2-BABB-25619ED36E3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704346" y="5247570"/>
            <a:ext cx="94374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latin typeface="Palatino" pitchFamily="2" charset="0"/>
              </a:rPr>
              <a:t>Tabs 1-9 Opened</a:t>
            </a:r>
          </a:p>
        </p:txBody>
      </p:sp>
      <p:sp>
        <p:nvSpPr>
          <p:cNvPr id="56" name="OTLSHAPE_M_809acb9bd4764553815fa5ce577572e4_Date">
            <a:extLst>
              <a:ext uri="{FF2B5EF4-FFF2-40B4-BE49-F238E27FC236}">
                <a16:creationId xmlns:a16="http://schemas.microsoft.com/office/drawing/2014/main" id="{7FC3F5AD-565E-44CE-B0BC-E6FD75C894A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106914" y="1253418"/>
            <a:ext cx="57776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latin typeface="Palatino" pitchFamily="2" charset="0"/>
              </a:rPr>
              <a:t>Tab</a:t>
            </a:r>
          </a:p>
        </p:txBody>
      </p:sp>
      <p:sp>
        <p:nvSpPr>
          <p:cNvPr id="57" name="OTLSHAPE_M_809acb9bd4764553815fa5ce577572e4_Date">
            <a:extLst>
              <a:ext uri="{FF2B5EF4-FFF2-40B4-BE49-F238E27FC236}">
                <a16:creationId xmlns:a16="http://schemas.microsoft.com/office/drawing/2014/main" id="{C9E5D1D0-CF25-4C17-BED9-F256E5B9A35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261282" y="5037505"/>
            <a:ext cx="10144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latin typeface="Palatino" pitchFamily="2" charset="0"/>
              </a:rPr>
              <a:t>Time (s)</a:t>
            </a:r>
          </a:p>
        </p:txBody>
      </p:sp>
      <p:cxnSp>
        <p:nvCxnSpPr>
          <p:cNvPr id="58" name="OTLSHAPE_T_537301c8be434860a3593caac61a1d74_LeftVerticalConnector2">
            <a:extLst>
              <a:ext uri="{FF2B5EF4-FFF2-40B4-BE49-F238E27FC236}">
                <a16:creationId xmlns:a16="http://schemas.microsoft.com/office/drawing/2014/main" id="{ABB3CCDC-DECF-468D-8294-AABD03674EE4}"/>
              </a:ext>
            </a:extLst>
          </p:cNvPr>
          <p:cNvCxnSpPr>
            <a:cxnSpLocks/>
          </p:cNvCxnSpPr>
          <p:nvPr>
            <p:custDataLst>
              <p:tags r:id="rId51"/>
            </p:custDataLst>
          </p:nvPr>
        </p:nvCxnSpPr>
        <p:spPr>
          <a:xfrm>
            <a:off x="5222395" y="1873079"/>
            <a:ext cx="6396354" cy="9699"/>
          </a:xfrm>
          <a:prstGeom prst="line">
            <a:avLst/>
          </a:prstGeom>
          <a:ln w="6350" cap="flat" cmpd="sng" algn="ctr">
            <a:solidFill>
              <a:schemeClr val="bg1">
                <a:lumMod val="50000"/>
              </a:schemeClr>
            </a:solidFill>
            <a:prstDash val="sysDot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537301c8be434860a3593caac61a1d74_LeftVerticalConnector2">
            <a:extLst>
              <a:ext uri="{FF2B5EF4-FFF2-40B4-BE49-F238E27FC236}">
                <a16:creationId xmlns:a16="http://schemas.microsoft.com/office/drawing/2014/main" id="{BAFACFFC-146D-4542-8973-BE5A13A0E082}"/>
              </a:ext>
            </a:extLst>
          </p:cNvPr>
          <p:cNvCxnSpPr>
            <a:cxnSpLocks/>
          </p:cNvCxnSpPr>
          <p:nvPr>
            <p:custDataLst>
              <p:tags r:id="rId52"/>
            </p:custDataLst>
          </p:nvPr>
        </p:nvCxnSpPr>
        <p:spPr>
          <a:xfrm>
            <a:off x="5222395" y="2200727"/>
            <a:ext cx="6403974" cy="9711"/>
          </a:xfrm>
          <a:prstGeom prst="line">
            <a:avLst/>
          </a:prstGeom>
          <a:ln w="6350" cap="flat" cmpd="sng" algn="ctr">
            <a:solidFill>
              <a:schemeClr val="bg1">
                <a:lumMod val="50000"/>
              </a:schemeClr>
            </a:solidFill>
            <a:prstDash val="sysDot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537301c8be434860a3593caac61a1d74_LeftVerticalConnector2">
            <a:extLst>
              <a:ext uri="{FF2B5EF4-FFF2-40B4-BE49-F238E27FC236}">
                <a16:creationId xmlns:a16="http://schemas.microsoft.com/office/drawing/2014/main" id="{8F7CA45B-22CF-41E2-9CFC-EEED93735AB5}"/>
              </a:ext>
            </a:extLst>
          </p:cNvPr>
          <p:cNvCxnSpPr>
            <a:cxnSpLocks/>
          </p:cNvCxnSpPr>
          <p:nvPr>
            <p:custDataLst>
              <p:tags r:id="rId53"/>
            </p:custDataLst>
          </p:nvPr>
        </p:nvCxnSpPr>
        <p:spPr>
          <a:xfrm>
            <a:off x="5222395" y="2501717"/>
            <a:ext cx="6403974" cy="9711"/>
          </a:xfrm>
          <a:prstGeom prst="line">
            <a:avLst/>
          </a:prstGeom>
          <a:ln w="6350" cap="flat" cmpd="sng" algn="ctr">
            <a:solidFill>
              <a:schemeClr val="bg1">
                <a:lumMod val="50000"/>
              </a:schemeClr>
            </a:solidFill>
            <a:prstDash val="sysDot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537301c8be434860a3593caac61a1d74_LeftVerticalConnector2">
            <a:extLst>
              <a:ext uri="{FF2B5EF4-FFF2-40B4-BE49-F238E27FC236}">
                <a16:creationId xmlns:a16="http://schemas.microsoft.com/office/drawing/2014/main" id="{23BD955C-5B77-442B-85CD-13DF51970AA3}"/>
              </a:ext>
            </a:extLst>
          </p:cNvPr>
          <p:cNvCxnSpPr>
            <a:cxnSpLocks/>
          </p:cNvCxnSpPr>
          <p:nvPr>
            <p:custDataLst>
              <p:tags r:id="rId54"/>
            </p:custDataLst>
          </p:nvPr>
        </p:nvCxnSpPr>
        <p:spPr>
          <a:xfrm>
            <a:off x="5222395" y="2806500"/>
            <a:ext cx="6415404" cy="9728"/>
          </a:xfrm>
          <a:prstGeom prst="line">
            <a:avLst/>
          </a:prstGeom>
          <a:ln w="6350" cap="flat" cmpd="sng" algn="ctr">
            <a:solidFill>
              <a:schemeClr val="bg1">
                <a:lumMod val="50000"/>
              </a:schemeClr>
            </a:solidFill>
            <a:prstDash val="sysDot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537301c8be434860a3593caac61a1d74_LeftVerticalConnector2">
            <a:extLst>
              <a:ext uri="{FF2B5EF4-FFF2-40B4-BE49-F238E27FC236}">
                <a16:creationId xmlns:a16="http://schemas.microsoft.com/office/drawing/2014/main" id="{B6CF5561-27F5-4BFD-B328-8B743399284A}"/>
              </a:ext>
            </a:extLst>
          </p:cNvPr>
          <p:cNvCxnSpPr>
            <a:cxnSpLocks/>
          </p:cNvCxnSpPr>
          <p:nvPr>
            <p:custDataLst>
              <p:tags r:id="rId55"/>
            </p:custDataLst>
          </p:nvPr>
        </p:nvCxnSpPr>
        <p:spPr>
          <a:xfrm>
            <a:off x="5222395" y="3141660"/>
            <a:ext cx="6415404" cy="9728"/>
          </a:xfrm>
          <a:prstGeom prst="line">
            <a:avLst/>
          </a:prstGeom>
          <a:ln w="6350" cap="flat" cmpd="sng" algn="ctr">
            <a:solidFill>
              <a:schemeClr val="bg1">
                <a:lumMod val="50000"/>
              </a:schemeClr>
            </a:solidFill>
            <a:prstDash val="sysDot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_537301c8be434860a3593caac61a1d74_LeftVerticalConnector2">
            <a:extLst>
              <a:ext uri="{FF2B5EF4-FFF2-40B4-BE49-F238E27FC236}">
                <a16:creationId xmlns:a16="http://schemas.microsoft.com/office/drawing/2014/main" id="{FBF158CA-3E54-4E16-A8CC-CB716465A75A}"/>
              </a:ext>
            </a:extLst>
          </p:cNvPr>
          <p:cNvCxnSpPr>
            <a:cxnSpLocks/>
          </p:cNvCxnSpPr>
          <p:nvPr>
            <p:custDataLst>
              <p:tags r:id="rId56"/>
            </p:custDataLst>
          </p:nvPr>
        </p:nvCxnSpPr>
        <p:spPr>
          <a:xfrm>
            <a:off x="5222395" y="3465515"/>
            <a:ext cx="6411594" cy="9723"/>
          </a:xfrm>
          <a:prstGeom prst="line">
            <a:avLst/>
          </a:prstGeom>
          <a:ln w="6350" cap="flat" cmpd="sng" algn="ctr">
            <a:solidFill>
              <a:schemeClr val="bg1">
                <a:lumMod val="50000"/>
              </a:schemeClr>
            </a:solidFill>
            <a:prstDash val="sysDot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537301c8be434860a3593caac61a1d74_LeftVerticalConnector2">
            <a:extLst>
              <a:ext uri="{FF2B5EF4-FFF2-40B4-BE49-F238E27FC236}">
                <a16:creationId xmlns:a16="http://schemas.microsoft.com/office/drawing/2014/main" id="{BA63D2DF-8603-4DA6-BC21-6E2138786831}"/>
              </a:ext>
            </a:extLst>
          </p:cNvPr>
          <p:cNvCxnSpPr>
            <a:cxnSpLocks/>
          </p:cNvCxnSpPr>
          <p:nvPr>
            <p:custDataLst>
              <p:tags r:id="rId57"/>
            </p:custDataLst>
          </p:nvPr>
        </p:nvCxnSpPr>
        <p:spPr>
          <a:xfrm>
            <a:off x="5222395" y="3808427"/>
            <a:ext cx="6403974" cy="9711"/>
          </a:xfrm>
          <a:prstGeom prst="line">
            <a:avLst/>
          </a:prstGeom>
          <a:ln w="6350" cap="flat" cmpd="sng" algn="ctr">
            <a:solidFill>
              <a:schemeClr val="bg1">
                <a:lumMod val="50000"/>
              </a:schemeClr>
            </a:solidFill>
            <a:prstDash val="sysDot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_537301c8be434860a3593caac61a1d74_LeftVerticalConnector2">
            <a:extLst>
              <a:ext uri="{FF2B5EF4-FFF2-40B4-BE49-F238E27FC236}">
                <a16:creationId xmlns:a16="http://schemas.microsoft.com/office/drawing/2014/main" id="{1972AFDA-81FD-4E30-808A-412B476D1165}"/>
              </a:ext>
            </a:extLst>
          </p:cNvPr>
          <p:cNvCxnSpPr>
            <a:cxnSpLocks/>
          </p:cNvCxnSpPr>
          <p:nvPr>
            <p:custDataLst>
              <p:tags r:id="rId58"/>
            </p:custDataLst>
          </p:nvPr>
        </p:nvCxnSpPr>
        <p:spPr>
          <a:xfrm>
            <a:off x="5222395" y="4136087"/>
            <a:ext cx="6403974" cy="9711"/>
          </a:xfrm>
          <a:prstGeom prst="line">
            <a:avLst/>
          </a:prstGeom>
          <a:ln w="6350" cap="flat" cmpd="sng" algn="ctr">
            <a:solidFill>
              <a:schemeClr val="bg1">
                <a:lumMod val="50000"/>
              </a:schemeClr>
            </a:solidFill>
            <a:prstDash val="sysDot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_537301c8be434860a3593caac61a1d74_LeftVerticalConnector2">
            <a:extLst>
              <a:ext uri="{FF2B5EF4-FFF2-40B4-BE49-F238E27FC236}">
                <a16:creationId xmlns:a16="http://schemas.microsoft.com/office/drawing/2014/main" id="{6CD1FEAA-124D-48D7-AEF5-7565AD26C275}"/>
              </a:ext>
            </a:extLst>
          </p:cNvPr>
          <p:cNvCxnSpPr>
            <a:cxnSpLocks/>
          </p:cNvCxnSpPr>
          <p:nvPr>
            <p:custDataLst>
              <p:tags r:id="rId59"/>
            </p:custDataLst>
          </p:nvPr>
        </p:nvCxnSpPr>
        <p:spPr>
          <a:xfrm>
            <a:off x="5222395" y="4452305"/>
            <a:ext cx="6411594" cy="9723"/>
          </a:xfrm>
          <a:prstGeom prst="line">
            <a:avLst/>
          </a:prstGeom>
          <a:ln w="6350" cap="flat" cmpd="sng" algn="ctr">
            <a:solidFill>
              <a:schemeClr val="bg1">
                <a:lumMod val="50000"/>
              </a:schemeClr>
            </a:solidFill>
            <a:prstDash val="sysDot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val 66">
            <a:extLst>
              <a:ext uri="{FF2B5EF4-FFF2-40B4-BE49-F238E27FC236}">
                <a16:creationId xmlns:a16="http://schemas.microsoft.com/office/drawing/2014/main" id="{2C911DD4-ACE8-4D65-AB2C-750EE75D1CE8}"/>
              </a:ext>
            </a:extLst>
          </p:cNvPr>
          <p:cNvSpPr/>
          <p:nvPr/>
        </p:nvSpPr>
        <p:spPr>
          <a:xfrm>
            <a:off x="7202530" y="1137409"/>
            <a:ext cx="204474" cy="204474"/>
          </a:xfrm>
          <a:prstGeom prst="ellipse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>
                <a:latin typeface="Palatino" pitchFamily="2" charset="0"/>
              </a:rPr>
              <a:t>2</a:t>
            </a:r>
          </a:p>
        </p:txBody>
      </p:sp>
      <p:sp>
        <p:nvSpPr>
          <p:cNvPr id="68" name="Oval 67">
            <a:extLst>
              <a:ext uri="{FF2B5EF4-FFF2-40B4-BE49-F238E27FC236}">
                <a16:creationId xmlns:a16="http://schemas.microsoft.com/office/drawing/2014/main" id="{741976F9-7CB0-438B-A13D-07B4D2F183D4}"/>
              </a:ext>
            </a:extLst>
          </p:cNvPr>
          <p:cNvSpPr/>
          <p:nvPr/>
        </p:nvSpPr>
        <p:spPr>
          <a:xfrm>
            <a:off x="6698094" y="1142451"/>
            <a:ext cx="204474" cy="204474"/>
          </a:xfrm>
          <a:prstGeom prst="ellipse">
            <a:avLst/>
          </a:prstGeom>
          <a:solidFill>
            <a:schemeClr val="tx1">
              <a:lumMod val="75000"/>
              <a:lumOff val="2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>
                <a:latin typeface="Palatino" pitchFamily="2" charset="0"/>
              </a:rPr>
              <a:t>1</a:t>
            </a:r>
          </a:p>
        </p:txBody>
      </p:sp>
      <p:sp>
        <p:nvSpPr>
          <p:cNvPr id="69" name="Oval 68">
            <a:extLst>
              <a:ext uri="{FF2B5EF4-FFF2-40B4-BE49-F238E27FC236}">
                <a16:creationId xmlns:a16="http://schemas.microsoft.com/office/drawing/2014/main" id="{4802513D-C48A-4779-8B7E-167D1FAD350E}"/>
              </a:ext>
            </a:extLst>
          </p:cNvPr>
          <p:cNvSpPr/>
          <p:nvPr/>
        </p:nvSpPr>
        <p:spPr>
          <a:xfrm>
            <a:off x="7686241" y="1142760"/>
            <a:ext cx="204474" cy="204474"/>
          </a:xfrm>
          <a:prstGeom prst="ellipse">
            <a:avLst/>
          </a:prstGeom>
          <a:solidFill>
            <a:schemeClr val="accent1">
              <a:lumMod val="75000"/>
            </a:schemeClr>
          </a:solidFill>
          <a:ln>
            <a:solidFill>
              <a:schemeClr val="accent1">
                <a:lumMod val="75000"/>
              </a:schemeClr>
            </a:solidFill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>
                <a:latin typeface="Palatino" pitchFamily="2" charset="0"/>
              </a:rPr>
              <a:t>3</a:t>
            </a:r>
          </a:p>
        </p:txBody>
      </p:sp>
      <p:cxnSp>
        <p:nvCxnSpPr>
          <p:cNvPr id="70" name="Straight Connector 33">
            <a:extLst>
              <a:ext uri="{FF2B5EF4-FFF2-40B4-BE49-F238E27FC236}">
                <a16:creationId xmlns:a16="http://schemas.microsoft.com/office/drawing/2014/main" id="{5DDD1746-3D0B-4323-8E20-43740A415741}"/>
              </a:ext>
            </a:extLst>
          </p:cNvPr>
          <p:cNvCxnSpPr>
            <a:cxnSpLocks/>
            <a:endCxn id="68" idx="4"/>
          </p:cNvCxnSpPr>
          <p:nvPr/>
        </p:nvCxnSpPr>
        <p:spPr>
          <a:xfrm flipV="1">
            <a:off x="6800330" y="1346925"/>
            <a:ext cx="1" cy="159882"/>
          </a:xfrm>
          <a:prstGeom prst="straightConnector1">
            <a:avLst/>
          </a:prstGeom>
          <a:ln w="19050">
            <a:solidFill>
              <a:schemeClr val="tx1">
                <a:lumMod val="75000"/>
                <a:lumOff val="25000"/>
              </a:schemeClr>
            </a:solidFill>
            <a:headEnd type="oval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Straight Connector 33">
            <a:extLst>
              <a:ext uri="{FF2B5EF4-FFF2-40B4-BE49-F238E27FC236}">
                <a16:creationId xmlns:a16="http://schemas.microsoft.com/office/drawing/2014/main" id="{01EF6354-E6DE-48E6-AFFD-645BC06761CC}"/>
              </a:ext>
            </a:extLst>
          </p:cNvPr>
          <p:cNvCxnSpPr>
            <a:cxnSpLocks/>
            <a:endCxn id="67" idx="4"/>
          </p:cNvCxnSpPr>
          <p:nvPr/>
        </p:nvCxnSpPr>
        <p:spPr>
          <a:xfrm flipH="1" flipV="1">
            <a:off x="7304767" y="1341883"/>
            <a:ext cx="1" cy="288076"/>
          </a:xfrm>
          <a:prstGeom prst="straightConnector1">
            <a:avLst/>
          </a:prstGeom>
          <a:ln w="19050">
            <a:solidFill>
              <a:schemeClr val="accent2">
                <a:lumMod val="75000"/>
              </a:schemeClr>
            </a:solidFill>
            <a:headEnd type="oval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Connector 33">
            <a:extLst>
              <a:ext uri="{FF2B5EF4-FFF2-40B4-BE49-F238E27FC236}">
                <a16:creationId xmlns:a16="http://schemas.microsoft.com/office/drawing/2014/main" id="{23CB6A10-8F72-4D9D-A68B-0FCAC9E92899}"/>
              </a:ext>
            </a:extLst>
          </p:cNvPr>
          <p:cNvCxnSpPr>
            <a:cxnSpLocks/>
            <a:endCxn id="69" idx="4"/>
          </p:cNvCxnSpPr>
          <p:nvPr/>
        </p:nvCxnSpPr>
        <p:spPr>
          <a:xfrm flipH="1" flipV="1">
            <a:off x="7788478" y="1347234"/>
            <a:ext cx="1" cy="3221058"/>
          </a:xfrm>
          <a:prstGeom prst="straightConnector1">
            <a:avLst/>
          </a:prstGeom>
          <a:ln w="19050">
            <a:solidFill>
              <a:schemeClr val="accent1">
                <a:lumMod val="75000"/>
              </a:schemeClr>
            </a:solidFill>
            <a:prstDash val="sysDot"/>
            <a:headEnd type="oval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M_809acb9bd4764553815fa5ce577572e4_Date">
            <a:extLst>
              <a:ext uri="{FF2B5EF4-FFF2-40B4-BE49-F238E27FC236}">
                <a16:creationId xmlns:a16="http://schemas.microsoft.com/office/drawing/2014/main" id="{84A6923B-AB94-41CC-A000-B7E7383030B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853351" y="1138712"/>
            <a:ext cx="10144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latin typeface="Palatino" pitchFamily="2" charset="0"/>
              </a:rPr>
              <a:t>Region:</a:t>
            </a: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6EB57CD9-51D9-497D-947F-6B0545F0D82C}"/>
              </a:ext>
            </a:extLst>
          </p:cNvPr>
          <p:cNvSpPr/>
          <p:nvPr/>
        </p:nvSpPr>
        <p:spPr>
          <a:xfrm>
            <a:off x="5426930" y="5675318"/>
            <a:ext cx="6225289" cy="669283"/>
          </a:xfrm>
          <a:prstGeom prst="rect">
            <a:avLst/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spc="-8" dirty="0">
                <a:solidFill>
                  <a:schemeClr val="tx1"/>
                </a:solidFill>
                <a:latin typeface="Palatino" pitchFamily="2" charset="0"/>
              </a:rPr>
              <a:t>U1: *.fbcdn.com, U2: *.facebook.com, U3: *.redditstatic.com, U4: *.reddit.com, </a:t>
            </a:r>
            <a:br>
              <a:rPr lang="en-US" sz="1200" spc="-8" dirty="0">
                <a:solidFill>
                  <a:schemeClr val="tx1"/>
                </a:solidFill>
                <a:latin typeface="Palatino" pitchFamily="2" charset="0"/>
              </a:rPr>
            </a:br>
            <a:r>
              <a:rPr lang="en-US" sz="1200" spc="-8" dirty="0">
                <a:solidFill>
                  <a:schemeClr val="tx1"/>
                </a:solidFill>
                <a:latin typeface="Palatino" pitchFamily="2" charset="0"/>
              </a:rPr>
              <a:t>U5: *.gstatic.com, U6: *.google.com, U7: kiwi.freenode.net, U8: kiwiirc.com, </a:t>
            </a:r>
            <a:br>
              <a:rPr lang="en-US" sz="1200" spc="-8" dirty="0">
                <a:solidFill>
                  <a:schemeClr val="tx1"/>
                </a:solidFill>
                <a:latin typeface="Palatino" pitchFamily="2" charset="0"/>
              </a:rPr>
            </a:br>
            <a:r>
              <a:rPr lang="en-US" sz="1200" spc="-8" dirty="0">
                <a:solidFill>
                  <a:schemeClr val="tx1"/>
                </a:solidFill>
                <a:latin typeface="Palatino" pitchFamily="2" charset="0"/>
              </a:rPr>
              <a:t>U9: play.google.com, U10: *.googlevideo.com, U11: cdn.cnn.com</a:t>
            </a:r>
          </a:p>
        </p:txBody>
      </p:sp>
      <p:sp>
        <p:nvSpPr>
          <p:cNvPr id="75" name="OTLSHAPE_M_809acb9bd4764553815fa5ce577572e4_Date">
            <a:extLst>
              <a:ext uri="{FF2B5EF4-FFF2-40B4-BE49-F238E27FC236}">
                <a16:creationId xmlns:a16="http://schemas.microsoft.com/office/drawing/2014/main" id="{A0089CD8-EF1F-4D62-8129-0F067EA37CE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738900" y="5553331"/>
            <a:ext cx="1571005" cy="184666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dirty="0">
                <a:latin typeface="Palatino" pitchFamily="2" charset="0"/>
              </a:rPr>
              <a:t>Abbreviated URLs</a:t>
            </a:r>
          </a:p>
        </p:txBody>
      </p:sp>
      <p:cxnSp>
        <p:nvCxnSpPr>
          <p:cNvPr id="76" name="Straight Connector 33">
            <a:extLst>
              <a:ext uri="{FF2B5EF4-FFF2-40B4-BE49-F238E27FC236}">
                <a16:creationId xmlns:a16="http://schemas.microsoft.com/office/drawing/2014/main" id="{447A76B1-CF53-4FA4-A1BA-67852D28FFA7}"/>
              </a:ext>
            </a:extLst>
          </p:cNvPr>
          <p:cNvCxnSpPr>
            <a:cxnSpLocks/>
          </p:cNvCxnSpPr>
          <p:nvPr/>
        </p:nvCxnSpPr>
        <p:spPr>
          <a:xfrm>
            <a:off x="6921532" y="4695694"/>
            <a:ext cx="0" cy="446843"/>
          </a:xfrm>
          <a:prstGeom prst="straightConnector1">
            <a:avLst/>
          </a:prstGeom>
          <a:ln w="9525">
            <a:solidFill>
              <a:srgbClr val="C00000"/>
            </a:solidFill>
            <a:prstDash val="sysDot"/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Straight Connector 33">
            <a:extLst>
              <a:ext uri="{FF2B5EF4-FFF2-40B4-BE49-F238E27FC236}">
                <a16:creationId xmlns:a16="http://schemas.microsoft.com/office/drawing/2014/main" id="{3144AC5B-C4A1-429E-89ED-0FC95315C65A}"/>
              </a:ext>
            </a:extLst>
          </p:cNvPr>
          <p:cNvCxnSpPr>
            <a:cxnSpLocks/>
          </p:cNvCxnSpPr>
          <p:nvPr/>
        </p:nvCxnSpPr>
        <p:spPr>
          <a:xfrm>
            <a:off x="10026790" y="4695694"/>
            <a:ext cx="0" cy="446843"/>
          </a:xfrm>
          <a:prstGeom prst="straightConnector1">
            <a:avLst/>
          </a:prstGeom>
          <a:ln w="9525">
            <a:solidFill>
              <a:srgbClr val="C00000"/>
            </a:solidFill>
            <a:prstDash val="sysDot"/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TB_00000000000000000000000000000000_TimescaleInterval1">
            <a:extLst>
              <a:ext uri="{FF2B5EF4-FFF2-40B4-BE49-F238E27FC236}">
                <a16:creationId xmlns:a16="http://schemas.microsoft.com/office/drawing/2014/main" id="{A3D45526-9248-40C2-9728-644C0B2BC23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457303" y="4839573"/>
            <a:ext cx="558800" cy="217043"/>
          </a:xfrm>
          <a:prstGeom prst="rect">
            <a:avLst/>
          </a:prstGeom>
          <a:solidFill>
            <a:srgbClr val="FFFFFF">
              <a:alpha val="69804"/>
            </a:srgb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 dirty="0">
                <a:latin typeface="Palatino" pitchFamily="2" charset="0"/>
              </a:rPr>
              <a:t>0</a:t>
            </a:r>
          </a:p>
        </p:txBody>
      </p:sp>
      <p:sp>
        <p:nvSpPr>
          <p:cNvPr id="79" name="OTLSHAPE_TB_00000000000000000000000000000000_TimescaleInterval2">
            <a:extLst>
              <a:ext uri="{FF2B5EF4-FFF2-40B4-BE49-F238E27FC236}">
                <a16:creationId xmlns:a16="http://schemas.microsoft.com/office/drawing/2014/main" id="{C2F137CD-B230-4278-8BC6-D661DD705F3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021517" y="4817348"/>
            <a:ext cx="288894" cy="217043"/>
          </a:xfrm>
          <a:prstGeom prst="rect">
            <a:avLst/>
          </a:prstGeom>
          <a:solidFill>
            <a:srgbClr val="FFFFFF">
              <a:alpha val="69804"/>
            </a:srgb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200" b="1" spc="-30" dirty="0">
                <a:latin typeface="Palatino" pitchFamily="2" charset="0"/>
              </a:rPr>
              <a:t>…</a:t>
            </a:r>
          </a:p>
        </p:txBody>
      </p:sp>
      <p:sp>
        <p:nvSpPr>
          <p:cNvPr id="80" name="OTLSHAPE_TB_00000000000000000000000000000000_TimescaleInterval3">
            <a:extLst>
              <a:ext uri="{FF2B5EF4-FFF2-40B4-BE49-F238E27FC236}">
                <a16:creationId xmlns:a16="http://schemas.microsoft.com/office/drawing/2014/main" id="{F0B790A1-CCAE-4C8A-9C2D-D8BBE4DC8AC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36500" y="4839573"/>
            <a:ext cx="175561" cy="217043"/>
          </a:xfrm>
          <a:prstGeom prst="rect">
            <a:avLst/>
          </a:prstGeom>
          <a:solidFill>
            <a:srgbClr val="FFFFFF">
              <a:alpha val="69804"/>
            </a:srgb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0" dirty="0">
                <a:latin typeface="Palatino" pitchFamily="2" charset="0"/>
              </a:rPr>
              <a:t>85</a:t>
            </a:r>
          </a:p>
        </p:txBody>
      </p:sp>
      <p:sp>
        <p:nvSpPr>
          <p:cNvPr id="81" name="OTLSHAPE_TB_00000000000000000000000000000000_TimescaleInterval5">
            <a:extLst>
              <a:ext uri="{FF2B5EF4-FFF2-40B4-BE49-F238E27FC236}">
                <a16:creationId xmlns:a16="http://schemas.microsoft.com/office/drawing/2014/main" id="{667C9027-2E30-4C3F-B982-6B1BFCCC25A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275822" y="4839573"/>
            <a:ext cx="175561" cy="217043"/>
          </a:xfrm>
          <a:prstGeom prst="rect">
            <a:avLst/>
          </a:prstGeom>
          <a:solidFill>
            <a:srgbClr val="FFFFFF">
              <a:alpha val="69804"/>
            </a:srgb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0" dirty="0">
                <a:latin typeface="Palatino" pitchFamily="2" charset="0"/>
              </a:rPr>
              <a:t>90</a:t>
            </a:r>
          </a:p>
        </p:txBody>
      </p:sp>
      <p:sp>
        <p:nvSpPr>
          <p:cNvPr id="82" name="OTLSHAPE_TB_00000000000000000000000000000000_TimescaleInterval6">
            <a:extLst>
              <a:ext uri="{FF2B5EF4-FFF2-40B4-BE49-F238E27FC236}">
                <a16:creationId xmlns:a16="http://schemas.microsoft.com/office/drawing/2014/main" id="{5615D66C-C923-4BD4-A1D8-37BD012154A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423333" y="4839573"/>
            <a:ext cx="175561" cy="217043"/>
          </a:xfrm>
          <a:prstGeom prst="rect">
            <a:avLst/>
          </a:prstGeom>
          <a:solidFill>
            <a:srgbClr val="FFFFFF">
              <a:alpha val="69804"/>
            </a:srgb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0" dirty="0">
                <a:latin typeface="Palatino" pitchFamily="2" charset="0"/>
              </a:rPr>
              <a:t>95</a:t>
            </a:r>
          </a:p>
        </p:txBody>
      </p:sp>
      <p:sp>
        <p:nvSpPr>
          <p:cNvPr id="83" name="OTLSHAPE_TB_00000000000000000000000000000000_TimescaleInterval3">
            <a:extLst>
              <a:ext uri="{FF2B5EF4-FFF2-40B4-BE49-F238E27FC236}">
                <a16:creationId xmlns:a16="http://schemas.microsoft.com/office/drawing/2014/main" id="{0366CD0F-ACAF-48B4-83EC-2D3D1D3C6FA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867763" y="4837284"/>
            <a:ext cx="175561" cy="217043"/>
          </a:xfrm>
          <a:prstGeom prst="rect">
            <a:avLst/>
          </a:prstGeom>
          <a:solidFill>
            <a:srgbClr val="FFFFFF">
              <a:alpha val="69804"/>
            </a:srgb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0" dirty="0">
                <a:latin typeface="Palatino" pitchFamily="2" charset="0"/>
              </a:rPr>
              <a:t>80</a:t>
            </a:r>
          </a:p>
        </p:txBody>
      </p:sp>
      <p:cxnSp>
        <p:nvCxnSpPr>
          <p:cNvPr id="84" name="OTLSHAPE_T_537301c8be434860a3593caac61a1d74_LeftVerticalConnector2">
            <a:extLst>
              <a:ext uri="{FF2B5EF4-FFF2-40B4-BE49-F238E27FC236}">
                <a16:creationId xmlns:a16="http://schemas.microsoft.com/office/drawing/2014/main" id="{6662D847-AB0C-4BFA-B3AE-7A240639952B}"/>
              </a:ext>
            </a:extLst>
          </p:cNvPr>
          <p:cNvCxnSpPr>
            <a:cxnSpLocks/>
          </p:cNvCxnSpPr>
          <p:nvPr>
            <p:custDataLst>
              <p:tags r:id="rId68"/>
            </p:custDataLst>
          </p:nvPr>
        </p:nvCxnSpPr>
        <p:spPr>
          <a:xfrm flipH="1">
            <a:off x="5394142" y="4828331"/>
            <a:ext cx="6420811" cy="0"/>
          </a:xfrm>
          <a:prstGeom prst="line">
            <a:avLst/>
          </a:prstGeom>
          <a:ln w="9525" cap="flat" cmpd="sng" algn="ctr">
            <a:solidFill>
              <a:srgbClr val="3F3F3F"/>
            </a:solidFill>
            <a:prstDash val="solid"/>
            <a:miter lim="800000"/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OTLSHAPE_M_809acb9bd4764553815fa5ce577572e4_Date">
            <a:extLst>
              <a:ext uri="{FF2B5EF4-FFF2-40B4-BE49-F238E27FC236}">
                <a16:creationId xmlns:a16="http://schemas.microsoft.com/office/drawing/2014/main" id="{BCCB966F-169C-4FB5-904A-CB42CA83F6F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777887" y="5147120"/>
            <a:ext cx="989758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8" dirty="0">
                <a:solidFill>
                  <a:srgbClr val="C00000"/>
                </a:solidFill>
                <a:latin typeface="Palatino" pitchFamily="2" charset="0"/>
              </a:rPr>
              <a:t>Malware Downloaded</a:t>
            </a:r>
          </a:p>
        </p:txBody>
      </p:sp>
      <p:cxnSp>
        <p:nvCxnSpPr>
          <p:cNvPr id="86" name="Straight Connector 33">
            <a:extLst>
              <a:ext uri="{FF2B5EF4-FFF2-40B4-BE49-F238E27FC236}">
                <a16:creationId xmlns:a16="http://schemas.microsoft.com/office/drawing/2014/main" id="{B8BA3388-AA1B-4192-871B-91A4B640FE28}"/>
              </a:ext>
            </a:extLst>
          </p:cNvPr>
          <p:cNvCxnSpPr>
            <a:cxnSpLocks/>
          </p:cNvCxnSpPr>
          <p:nvPr/>
        </p:nvCxnSpPr>
        <p:spPr>
          <a:xfrm>
            <a:off x="11517780" y="4695694"/>
            <a:ext cx="0" cy="446843"/>
          </a:xfrm>
          <a:prstGeom prst="straightConnector1">
            <a:avLst/>
          </a:prstGeom>
          <a:ln w="9525">
            <a:solidFill>
              <a:srgbClr val="C00000"/>
            </a:solidFill>
            <a:prstDash val="sysDot"/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6">
            <a:extLst>
              <a:ext uri="{FF2B5EF4-FFF2-40B4-BE49-F238E27FC236}">
                <a16:creationId xmlns:a16="http://schemas.microsoft.com/office/drawing/2014/main" id="{3FDC4F7B-AD99-4F4A-8049-D2D804EA1AA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1401233" y="4839573"/>
            <a:ext cx="175561" cy="217043"/>
          </a:xfrm>
          <a:prstGeom prst="rect">
            <a:avLst/>
          </a:prstGeom>
          <a:solidFill>
            <a:srgbClr val="FFFFFF">
              <a:alpha val="69804"/>
            </a:srgb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0" dirty="0">
                <a:latin typeface="Palatino" pitchFamily="2" charset="0"/>
              </a:rPr>
              <a:t>100</a:t>
            </a:r>
          </a:p>
        </p:txBody>
      </p:sp>
      <p:pic>
        <p:nvPicPr>
          <p:cNvPr id="92" name="Picture 91">
            <a:extLst>
              <a:ext uri="{FF2B5EF4-FFF2-40B4-BE49-F238E27FC236}">
                <a16:creationId xmlns:a16="http://schemas.microsoft.com/office/drawing/2014/main" id="{50C20C0B-61F5-447D-B205-C9C65F326702}"/>
              </a:ext>
            </a:extLst>
          </p:cNvPr>
          <p:cNvPicPr>
            <a:picLocks noChangeAspect="1"/>
          </p:cNvPicPr>
          <p:nvPr/>
        </p:nvPicPr>
        <p:blipFill>
          <a:blip r:embed="rId73"/>
          <a:stretch>
            <a:fillRect/>
          </a:stretch>
        </p:blipFill>
        <p:spPr>
          <a:xfrm>
            <a:off x="0" y="2359864"/>
            <a:ext cx="4985895" cy="1944454"/>
          </a:xfrm>
          <a:prstGeom prst="rect">
            <a:avLst/>
          </a:prstGeom>
        </p:spPr>
      </p:pic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2A4AC2B2-40BF-4461-A144-3B3799194CAC}"/>
              </a:ext>
            </a:extLst>
          </p:cNvPr>
          <p:cNvCxnSpPr>
            <a:cxnSpLocks/>
            <a:stCxn id="35" idx="1"/>
            <a:endCxn id="92" idx="2"/>
          </p:cNvCxnSpPr>
          <p:nvPr/>
        </p:nvCxnSpPr>
        <p:spPr>
          <a:xfrm rot="10800000">
            <a:off x="2492949" y="4304319"/>
            <a:ext cx="2476345" cy="305119"/>
          </a:xfrm>
          <a:prstGeom prst="curvedConnector2">
            <a:avLst/>
          </a:prstGeom>
          <a:ln w="28575">
            <a:solidFill>
              <a:srgbClr val="C00000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Straight Arrow Connector 94">
            <a:extLst>
              <a:ext uri="{FF2B5EF4-FFF2-40B4-BE49-F238E27FC236}">
                <a16:creationId xmlns:a16="http://schemas.microsoft.com/office/drawing/2014/main" id="{A9F5EA27-6B59-4F24-9C5D-4465D24CC834}"/>
              </a:ext>
            </a:extLst>
          </p:cNvPr>
          <p:cNvCxnSpPr>
            <a:cxnSpLocks/>
          </p:cNvCxnSpPr>
          <p:nvPr/>
        </p:nvCxnSpPr>
        <p:spPr>
          <a:xfrm flipH="1">
            <a:off x="3779520" y="1758462"/>
            <a:ext cx="1444283" cy="722141"/>
          </a:xfrm>
          <a:prstGeom prst="straightConnector1">
            <a:avLst/>
          </a:prstGeom>
          <a:ln w="28575">
            <a:solidFill>
              <a:srgbClr val="C00000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Straight Arrow Connector 99">
            <a:extLst>
              <a:ext uri="{FF2B5EF4-FFF2-40B4-BE49-F238E27FC236}">
                <a16:creationId xmlns:a16="http://schemas.microsoft.com/office/drawing/2014/main" id="{7992CD7F-6304-40C3-8F71-F8071ACEA042}"/>
              </a:ext>
            </a:extLst>
          </p:cNvPr>
          <p:cNvCxnSpPr>
            <a:cxnSpLocks/>
          </p:cNvCxnSpPr>
          <p:nvPr/>
        </p:nvCxnSpPr>
        <p:spPr>
          <a:xfrm flipH="1">
            <a:off x="3352716" y="2049194"/>
            <a:ext cx="1842952" cy="419445"/>
          </a:xfrm>
          <a:prstGeom prst="straightConnector1">
            <a:avLst/>
          </a:prstGeom>
          <a:ln w="28575">
            <a:solidFill>
              <a:srgbClr val="C00000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3" name="Picture 112">
            <a:extLst>
              <a:ext uri="{FF2B5EF4-FFF2-40B4-BE49-F238E27FC236}">
                <a16:creationId xmlns:a16="http://schemas.microsoft.com/office/drawing/2014/main" id="{B94D4C6E-749F-4215-B2D1-D9DD60A5DA6D}"/>
              </a:ext>
            </a:extLst>
          </p:cNvPr>
          <p:cNvPicPr>
            <a:picLocks noChangeAspect="1"/>
          </p:cNvPicPr>
          <p:nvPr/>
        </p:nvPicPr>
        <p:blipFill>
          <a:blip r:embed="rId74"/>
          <a:stretch>
            <a:fillRect/>
          </a:stretch>
        </p:blipFill>
        <p:spPr>
          <a:xfrm>
            <a:off x="1922" y="4296375"/>
            <a:ext cx="4983973" cy="1365411"/>
          </a:xfrm>
          <a:prstGeom prst="rect">
            <a:avLst/>
          </a:prstGeom>
        </p:spPr>
      </p:pic>
      <p:pic>
        <p:nvPicPr>
          <p:cNvPr id="93" name="Picture 2">
            <a:extLst>
              <a:ext uri="{FF2B5EF4-FFF2-40B4-BE49-F238E27FC236}">
                <a16:creationId xmlns:a16="http://schemas.microsoft.com/office/drawing/2014/main" id="{A93A2E3D-DFEE-420A-94B1-192EBDCAD9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13523" y="3749203"/>
            <a:ext cx="479924" cy="4799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164934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500"/>
                            </p:stCondLst>
                            <p:childTnLst>
                              <p:par>
                                <p:cTn id="3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0" fill="hold">
                      <p:stCondLst>
                        <p:cond delay="indefinite"/>
                      </p:stCondLst>
                      <p:childTnLst>
                        <p:par>
                          <p:cTn id="61" fill="hold">
                            <p:stCondLst>
                              <p:cond delay="0"/>
                            </p:stCondLst>
                            <p:childTnLst>
                              <p:par>
                                <p:cTn id="6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2" fill="hold">
                      <p:stCondLst>
                        <p:cond delay="indefinite"/>
                      </p:stCondLst>
                      <p:childTnLst>
                        <p:par>
                          <p:cTn id="83" fill="hold">
                            <p:stCondLst>
                              <p:cond delay="0"/>
                            </p:stCondLst>
                            <p:childTnLst>
                              <p:par>
                                <p:cTn id="8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  <p:bldP spid="8" grpId="0" animBg="1"/>
      <p:bldP spid="52" grpId="0"/>
      <p:bldP spid="53" grpId="0"/>
      <p:bldP spid="67" grpId="0" animBg="1"/>
      <p:bldP spid="68" grpId="0" animBg="1"/>
      <p:bldP spid="69" grpId="0" animBg="1"/>
      <p:bldP spid="73" grpId="0"/>
      <p:bldP spid="85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98EA91-4DEC-4270-9878-D1F58CAE93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orkflow of C</a:t>
            </a:r>
            <a:r>
              <a:rPr lang="en-US" baseline="30000" dirty="0"/>
              <a:t>2</a:t>
            </a:r>
            <a:r>
              <a:rPr lang="en-US" dirty="0"/>
              <a:t>S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096D53A-237A-472B-86E2-3538CB8600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8</a:t>
            </a:fld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84ABC3F4-767C-44ED-A2CB-63B3A40D0277}"/>
              </a:ext>
            </a:extLst>
          </p:cNvPr>
          <p:cNvSpPr/>
          <p:nvPr/>
        </p:nvSpPr>
        <p:spPr>
          <a:xfrm>
            <a:off x="522699" y="4541408"/>
            <a:ext cx="3115391" cy="34135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i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Recording in Production Run</a:t>
            </a:r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7EEA9D9F-0519-4E7E-98A8-8E8A8426E440}"/>
              </a:ext>
            </a:extLst>
          </p:cNvPr>
          <p:cNvCxnSpPr>
            <a:cxnSpLocks/>
            <a:stCxn id="12" idx="0"/>
            <a:endCxn id="14" idx="2"/>
          </p:cNvCxnSpPr>
          <p:nvPr/>
        </p:nvCxnSpPr>
        <p:spPr>
          <a:xfrm flipH="1" flipV="1">
            <a:off x="1362823" y="3270696"/>
            <a:ext cx="5152" cy="410553"/>
          </a:xfrm>
          <a:prstGeom prst="straightConnector1">
            <a:avLst/>
          </a:prstGeom>
          <a:ln w="57150">
            <a:solidFill>
              <a:schemeClr val="tx1"/>
            </a:solidFill>
            <a:prstDash val="sysDot"/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ounded Rectangle 27">
            <a:extLst>
              <a:ext uri="{FF2B5EF4-FFF2-40B4-BE49-F238E27FC236}">
                <a16:creationId xmlns:a16="http://schemas.microsoft.com/office/drawing/2014/main" id="{386FAB35-3DF6-42FF-A2E4-D31A52E95769}"/>
              </a:ext>
            </a:extLst>
          </p:cNvPr>
          <p:cNvSpPr/>
          <p:nvPr/>
        </p:nvSpPr>
        <p:spPr>
          <a:xfrm>
            <a:off x="3941083" y="3690477"/>
            <a:ext cx="1441915" cy="495779"/>
          </a:xfrm>
          <a:prstGeom prst="rect">
            <a:avLst/>
          </a:prstGeom>
          <a:solidFill>
            <a:schemeClr val="bg2"/>
          </a:solidFill>
          <a:ln w="12700">
            <a:solidFill>
              <a:schemeClr val="tx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Resource </a:t>
            </a:r>
            <a:r>
              <a:rPr lang="en-US" sz="1400" b="1" dirty="0" err="1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Reconstructor</a:t>
            </a:r>
            <a:endParaRPr lang="en-US" sz="1400" b="1" dirty="0">
              <a:solidFill>
                <a:schemeClr val="tx1"/>
              </a:solidFill>
              <a:latin typeface="Tinos" panose="02020603050405020304" pitchFamily="18" charset="0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9B483592-8599-435F-B736-586E26F22CA0}"/>
              </a:ext>
            </a:extLst>
          </p:cNvPr>
          <p:cNvSpPr/>
          <p:nvPr/>
        </p:nvSpPr>
        <p:spPr>
          <a:xfrm>
            <a:off x="7710101" y="4408499"/>
            <a:ext cx="4143295" cy="54732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i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Cybercrime Scene Reconstruction</a:t>
            </a:r>
            <a:endParaRPr lang="en-US" sz="1400" i="1" dirty="0">
              <a:latin typeface="Tinos" panose="02020603050405020304" pitchFamily="18" charset="0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8C7CA32A-1BB7-4081-818D-C5AA333ED1C3}"/>
              </a:ext>
            </a:extLst>
          </p:cNvPr>
          <p:cNvCxnSpPr>
            <a:cxnSpLocks/>
          </p:cNvCxnSpPr>
          <p:nvPr/>
        </p:nvCxnSpPr>
        <p:spPr>
          <a:xfrm>
            <a:off x="522699" y="4856549"/>
            <a:ext cx="3115392" cy="0"/>
          </a:xfrm>
          <a:prstGeom prst="straightConnector1">
            <a:avLst/>
          </a:prstGeom>
          <a:ln w="38100">
            <a:solidFill>
              <a:schemeClr val="tx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>
            <a:extLst>
              <a:ext uri="{FF2B5EF4-FFF2-40B4-BE49-F238E27FC236}">
                <a16:creationId xmlns:a16="http://schemas.microsoft.com/office/drawing/2014/main" id="{1B1B3628-A33F-454E-B244-4C4570B89314}"/>
              </a:ext>
            </a:extLst>
          </p:cNvPr>
          <p:cNvSpPr/>
          <p:nvPr/>
        </p:nvSpPr>
        <p:spPr>
          <a:xfrm>
            <a:off x="522699" y="4906232"/>
            <a:ext cx="3115391" cy="23001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Online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5E2513E2-9027-4F37-8CF2-1BF65F8A4700}"/>
              </a:ext>
            </a:extLst>
          </p:cNvPr>
          <p:cNvCxnSpPr>
            <a:cxnSpLocks/>
          </p:cNvCxnSpPr>
          <p:nvPr/>
        </p:nvCxnSpPr>
        <p:spPr>
          <a:xfrm flipV="1">
            <a:off x="3638091" y="2134571"/>
            <a:ext cx="0" cy="2915348"/>
          </a:xfrm>
          <a:prstGeom prst="straightConnector1">
            <a:avLst/>
          </a:prstGeom>
          <a:ln w="12700">
            <a:solidFill>
              <a:schemeClr val="bg1">
                <a:lumMod val="50000"/>
              </a:schemeClr>
            </a:solidFill>
            <a:prstDash val="sys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Rounded Rectangle 6">
            <a:extLst>
              <a:ext uri="{FF2B5EF4-FFF2-40B4-BE49-F238E27FC236}">
                <a16:creationId xmlns:a16="http://schemas.microsoft.com/office/drawing/2014/main" id="{38CF5021-A272-4FFB-A5B2-C8A58D460FDC}"/>
              </a:ext>
            </a:extLst>
          </p:cNvPr>
          <p:cNvSpPr/>
          <p:nvPr/>
        </p:nvSpPr>
        <p:spPr>
          <a:xfrm>
            <a:off x="804862" y="3681249"/>
            <a:ext cx="1126224" cy="495779"/>
          </a:xfrm>
          <a:prstGeom prst="rect">
            <a:avLst/>
          </a:prstGeom>
          <a:solidFill>
            <a:schemeClr val="bg2"/>
          </a:solidFill>
          <a:ln w="12700">
            <a:solidFill>
              <a:schemeClr val="tx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Recorder</a:t>
            </a:r>
          </a:p>
        </p:txBody>
      </p:sp>
      <p:sp>
        <p:nvSpPr>
          <p:cNvPr id="13" name="Flowchart: Multidocument 12">
            <a:extLst>
              <a:ext uri="{FF2B5EF4-FFF2-40B4-BE49-F238E27FC236}">
                <a16:creationId xmlns:a16="http://schemas.microsoft.com/office/drawing/2014/main" id="{B3C2FDA7-1DE3-4F42-B814-4AB239119CB7}"/>
              </a:ext>
            </a:extLst>
          </p:cNvPr>
          <p:cNvSpPr/>
          <p:nvPr/>
        </p:nvSpPr>
        <p:spPr>
          <a:xfrm>
            <a:off x="5783337" y="3266677"/>
            <a:ext cx="1754409" cy="1226109"/>
          </a:xfrm>
          <a:prstGeom prst="flowChartMultidocumen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Reconstructed Resources</a:t>
            </a:r>
          </a:p>
          <a:p>
            <a:pPr algn="ctr"/>
            <a:r>
              <a:rPr lang="en-US" sz="1200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(e.g., files, network streams)</a:t>
            </a:r>
          </a:p>
        </p:txBody>
      </p:sp>
      <p:sp>
        <p:nvSpPr>
          <p:cNvPr id="14" name="Flowchart: Multidocument 13">
            <a:extLst>
              <a:ext uri="{FF2B5EF4-FFF2-40B4-BE49-F238E27FC236}">
                <a16:creationId xmlns:a16="http://schemas.microsoft.com/office/drawing/2014/main" id="{048F62EB-DED0-4C86-9718-E6652249FA4F}"/>
              </a:ext>
            </a:extLst>
          </p:cNvPr>
          <p:cNvSpPr/>
          <p:nvPr/>
        </p:nvSpPr>
        <p:spPr>
          <a:xfrm>
            <a:off x="804862" y="2134571"/>
            <a:ext cx="1296187" cy="1180844"/>
          </a:xfrm>
          <a:prstGeom prst="flowChartMultidocumen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Target </a:t>
            </a:r>
            <a:b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</a:br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Programs</a:t>
            </a:r>
          </a:p>
          <a:p>
            <a:pPr algn="ctr"/>
            <a:r>
              <a:rPr lang="en-US" sz="1200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(e.g., web browser)</a:t>
            </a: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1896269A-1164-4799-9CB9-60416162F0EE}"/>
              </a:ext>
            </a:extLst>
          </p:cNvPr>
          <p:cNvCxnSpPr>
            <a:cxnSpLocks/>
          </p:cNvCxnSpPr>
          <p:nvPr/>
        </p:nvCxnSpPr>
        <p:spPr>
          <a:xfrm flipV="1">
            <a:off x="522701" y="2134571"/>
            <a:ext cx="0" cy="2905570"/>
          </a:xfrm>
          <a:prstGeom prst="straightConnector1">
            <a:avLst/>
          </a:prstGeom>
          <a:ln w="12700">
            <a:solidFill>
              <a:schemeClr val="bg1">
                <a:lumMod val="50000"/>
              </a:schemeClr>
            </a:solidFill>
            <a:prstDash val="sys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B6F754A6-4FE3-42C1-9560-170426571740}"/>
              </a:ext>
            </a:extLst>
          </p:cNvPr>
          <p:cNvCxnSpPr>
            <a:cxnSpLocks/>
            <a:stCxn id="17" idx="1"/>
            <a:endCxn id="12" idx="3"/>
          </p:cNvCxnSpPr>
          <p:nvPr/>
        </p:nvCxnSpPr>
        <p:spPr>
          <a:xfrm flipH="1" flipV="1">
            <a:off x="1931087" y="3929139"/>
            <a:ext cx="377088" cy="9226"/>
          </a:xfrm>
          <a:prstGeom prst="straightConnector1">
            <a:avLst/>
          </a:prstGeom>
          <a:ln w="57150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Flowchart: Multidocument 16">
            <a:extLst>
              <a:ext uri="{FF2B5EF4-FFF2-40B4-BE49-F238E27FC236}">
                <a16:creationId xmlns:a16="http://schemas.microsoft.com/office/drawing/2014/main" id="{ED8D458C-F003-434C-9767-288E82BF1415}"/>
              </a:ext>
            </a:extLst>
          </p:cNvPr>
          <p:cNvSpPr/>
          <p:nvPr/>
        </p:nvSpPr>
        <p:spPr>
          <a:xfrm>
            <a:off x="2308174" y="3554565"/>
            <a:ext cx="1121009" cy="767601"/>
          </a:xfrm>
          <a:prstGeom prst="flowChartMultidocumen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Execution Trace</a:t>
            </a:r>
            <a:endParaRPr lang="en-US" sz="1200" dirty="0">
              <a:solidFill>
                <a:schemeClr val="tx1"/>
              </a:solidFill>
              <a:latin typeface="Tinos" panose="02020603050405020304" pitchFamily="18" charset="0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FF5ABD53-F02E-48A6-936C-DAE251A875EF}"/>
              </a:ext>
            </a:extLst>
          </p:cNvPr>
          <p:cNvCxnSpPr>
            <a:cxnSpLocks/>
          </p:cNvCxnSpPr>
          <p:nvPr/>
        </p:nvCxnSpPr>
        <p:spPr>
          <a:xfrm flipH="1" flipV="1">
            <a:off x="5025034" y="2556661"/>
            <a:ext cx="639762" cy="765"/>
          </a:xfrm>
          <a:prstGeom prst="straightConnector1">
            <a:avLst/>
          </a:prstGeom>
          <a:ln w="57150">
            <a:solidFill>
              <a:schemeClr val="tx1"/>
            </a:solidFill>
            <a:prstDash val="sysDot"/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4790CBB7-162C-4129-981F-E1FA9208E060}"/>
              </a:ext>
            </a:extLst>
          </p:cNvPr>
          <p:cNvCxnSpPr>
            <a:cxnSpLocks/>
          </p:cNvCxnSpPr>
          <p:nvPr/>
        </p:nvCxnSpPr>
        <p:spPr>
          <a:xfrm flipH="1">
            <a:off x="5038667" y="2776023"/>
            <a:ext cx="626128" cy="0"/>
          </a:xfrm>
          <a:prstGeom prst="straightConnector1">
            <a:avLst/>
          </a:prstGeom>
          <a:ln w="57150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18C3EC71-11DF-42CE-A674-A91CD8ED8368}"/>
              </a:ext>
            </a:extLst>
          </p:cNvPr>
          <p:cNvCxnSpPr>
            <a:cxnSpLocks/>
            <a:stCxn id="7" idx="1"/>
            <a:endCxn id="17" idx="3"/>
          </p:cNvCxnSpPr>
          <p:nvPr/>
        </p:nvCxnSpPr>
        <p:spPr>
          <a:xfrm flipH="1" flipV="1">
            <a:off x="3429183" y="3938365"/>
            <a:ext cx="511900" cy="2"/>
          </a:xfrm>
          <a:prstGeom prst="straightConnector1">
            <a:avLst/>
          </a:prstGeom>
          <a:ln w="57150">
            <a:solidFill>
              <a:schemeClr val="tx1"/>
            </a:solidFill>
            <a:prstDash val="sysDot"/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4D079D76-F6D2-4BEF-B58E-2AA094D39ECC}"/>
              </a:ext>
            </a:extLst>
          </p:cNvPr>
          <p:cNvCxnSpPr>
            <a:cxnSpLocks/>
          </p:cNvCxnSpPr>
          <p:nvPr/>
        </p:nvCxnSpPr>
        <p:spPr>
          <a:xfrm flipH="1">
            <a:off x="5382998" y="3928376"/>
            <a:ext cx="368175" cy="0"/>
          </a:xfrm>
          <a:prstGeom prst="straightConnector1">
            <a:avLst/>
          </a:prstGeom>
          <a:ln w="57150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3A0499C1-554A-4EC4-8342-CD3C1154F720}"/>
              </a:ext>
            </a:extLst>
          </p:cNvPr>
          <p:cNvSpPr/>
          <p:nvPr/>
        </p:nvSpPr>
        <p:spPr>
          <a:xfrm>
            <a:off x="3724009" y="4541408"/>
            <a:ext cx="3986093" cy="34135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i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Resource Reconstruction</a:t>
            </a:r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CE70BA47-BDBF-4045-9370-33C7F4B8FCCD}"/>
              </a:ext>
            </a:extLst>
          </p:cNvPr>
          <p:cNvCxnSpPr>
            <a:cxnSpLocks/>
          </p:cNvCxnSpPr>
          <p:nvPr/>
        </p:nvCxnSpPr>
        <p:spPr>
          <a:xfrm>
            <a:off x="3629853" y="4856549"/>
            <a:ext cx="4080250" cy="0"/>
          </a:xfrm>
          <a:prstGeom prst="straightConnector1">
            <a:avLst/>
          </a:prstGeom>
          <a:ln w="38100">
            <a:solidFill>
              <a:schemeClr val="tx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Rectangle 23">
            <a:extLst>
              <a:ext uri="{FF2B5EF4-FFF2-40B4-BE49-F238E27FC236}">
                <a16:creationId xmlns:a16="http://schemas.microsoft.com/office/drawing/2014/main" id="{A840DE20-6DE7-495F-BA72-858CBC2AAC75}"/>
              </a:ext>
            </a:extLst>
          </p:cNvPr>
          <p:cNvSpPr/>
          <p:nvPr/>
        </p:nvSpPr>
        <p:spPr>
          <a:xfrm>
            <a:off x="3629853" y="4906232"/>
            <a:ext cx="4080249" cy="23001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Offline</a:t>
            </a:r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0C474042-C772-4166-97B1-1DA3E6C7943F}"/>
              </a:ext>
            </a:extLst>
          </p:cNvPr>
          <p:cNvCxnSpPr>
            <a:cxnSpLocks/>
          </p:cNvCxnSpPr>
          <p:nvPr/>
        </p:nvCxnSpPr>
        <p:spPr>
          <a:xfrm flipV="1">
            <a:off x="7710104" y="2078342"/>
            <a:ext cx="0" cy="2942242"/>
          </a:xfrm>
          <a:prstGeom prst="straightConnector1">
            <a:avLst/>
          </a:prstGeom>
          <a:ln w="12700">
            <a:solidFill>
              <a:schemeClr val="bg1">
                <a:lumMod val="50000"/>
              </a:schemeClr>
            </a:solidFill>
            <a:prstDash val="sys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F92CFF48-C295-4B48-8EE3-40BE0692EFBF}"/>
              </a:ext>
            </a:extLst>
          </p:cNvPr>
          <p:cNvCxnSpPr>
            <a:cxnSpLocks/>
          </p:cNvCxnSpPr>
          <p:nvPr/>
        </p:nvCxnSpPr>
        <p:spPr>
          <a:xfrm flipV="1">
            <a:off x="11869273" y="2134571"/>
            <a:ext cx="0" cy="2915348"/>
          </a:xfrm>
          <a:prstGeom prst="straightConnector1">
            <a:avLst/>
          </a:prstGeom>
          <a:ln w="12700">
            <a:solidFill>
              <a:schemeClr val="bg1">
                <a:lumMod val="50000"/>
              </a:schemeClr>
            </a:solidFill>
            <a:prstDash val="sys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Flowchart: Document 26">
            <a:extLst>
              <a:ext uri="{FF2B5EF4-FFF2-40B4-BE49-F238E27FC236}">
                <a16:creationId xmlns:a16="http://schemas.microsoft.com/office/drawing/2014/main" id="{76A100EE-D6A3-4133-AD14-6919BFD045B5}"/>
              </a:ext>
            </a:extLst>
          </p:cNvPr>
          <p:cNvSpPr/>
          <p:nvPr/>
        </p:nvSpPr>
        <p:spPr>
          <a:xfrm>
            <a:off x="8126170" y="2208538"/>
            <a:ext cx="1543682" cy="580166"/>
          </a:xfrm>
          <a:prstGeom prst="flowChartDocumen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Target Program</a:t>
            </a:r>
          </a:p>
          <a:p>
            <a:pPr algn="ctr"/>
            <a:r>
              <a:rPr lang="en-US" sz="1200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(e.g., web browser)</a:t>
            </a:r>
          </a:p>
        </p:txBody>
      </p: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2370DC47-BA2D-4CEF-A611-93086474F942}"/>
              </a:ext>
            </a:extLst>
          </p:cNvPr>
          <p:cNvCxnSpPr>
            <a:cxnSpLocks/>
            <a:stCxn id="29" idx="1"/>
            <a:endCxn id="13" idx="3"/>
          </p:cNvCxnSpPr>
          <p:nvPr/>
        </p:nvCxnSpPr>
        <p:spPr>
          <a:xfrm flipH="1">
            <a:off x="7537746" y="3879732"/>
            <a:ext cx="466979" cy="0"/>
          </a:xfrm>
          <a:prstGeom prst="straightConnector1">
            <a:avLst/>
          </a:prstGeom>
          <a:ln w="57150">
            <a:solidFill>
              <a:schemeClr val="tx1"/>
            </a:solidFill>
            <a:prstDash val="sysDot"/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ounded Rectangle 27">
            <a:extLst>
              <a:ext uri="{FF2B5EF4-FFF2-40B4-BE49-F238E27FC236}">
                <a16:creationId xmlns:a16="http://schemas.microsoft.com/office/drawing/2014/main" id="{DC6406C8-3DC2-4421-8913-211D3121E5A5}"/>
              </a:ext>
            </a:extLst>
          </p:cNvPr>
          <p:cNvSpPr/>
          <p:nvPr/>
        </p:nvSpPr>
        <p:spPr>
          <a:xfrm>
            <a:off x="8004725" y="3440581"/>
            <a:ext cx="1786573" cy="878303"/>
          </a:xfrm>
          <a:prstGeom prst="rect">
            <a:avLst/>
          </a:prstGeom>
          <a:solidFill>
            <a:schemeClr val="bg2"/>
          </a:solidFill>
          <a:ln w="12700">
            <a:solidFill>
              <a:schemeClr val="tx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Execution </a:t>
            </a:r>
            <a:r>
              <a:rPr lang="en-US" sz="1400" b="1" dirty="0" err="1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Reconstructor</a:t>
            </a:r>
            <a:endParaRPr lang="en-US" sz="1400" b="1" dirty="0">
              <a:solidFill>
                <a:schemeClr val="tx1"/>
              </a:solidFill>
              <a:latin typeface="Tinos" panose="02020603050405020304" pitchFamily="18" charset="0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C6783364-14E6-4605-BA85-9BD87BE35884}"/>
              </a:ext>
            </a:extLst>
          </p:cNvPr>
          <p:cNvCxnSpPr>
            <a:cxnSpLocks/>
            <a:stCxn id="29" idx="0"/>
            <a:endCxn id="27" idx="2"/>
          </p:cNvCxnSpPr>
          <p:nvPr/>
        </p:nvCxnSpPr>
        <p:spPr>
          <a:xfrm flipV="1">
            <a:off x="8898011" y="2750349"/>
            <a:ext cx="0" cy="690232"/>
          </a:xfrm>
          <a:prstGeom prst="straightConnector1">
            <a:avLst/>
          </a:prstGeom>
          <a:ln w="57150">
            <a:solidFill>
              <a:schemeClr val="tx1"/>
            </a:solidFill>
            <a:prstDash val="sysDot"/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Flowchart: Document 31">
            <a:extLst>
              <a:ext uri="{FF2B5EF4-FFF2-40B4-BE49-F238E27FC236}">
                <a16:creationId xmlns:a16="http://schemas.microsoft.com/office/drawing/2014/main" id="{A3A12D5C-51BA-48A3-A468-91E051B77BA6}"/>
              </a:ext>
            </a:extLst>
          </p:cNvPr>
          <p:cNvSpPr/>
          <p:nvPr/>
        </p:nvSpPr>
        <p:spPr>
          <a:xfrm>
            <a:off x="10192517" y="3412317"/>
            <a:ext cx="1543682" cy="934364"/>
          </a:xfrm>
          <a:prstGeom prst="flowChartDocumen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Reconstructed</a:t>
            </a:r>
            <a:b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</a:br>
            <a: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Execution </a:t>
            </a:r>
            <a:br>
              <a:rPr lang="en-US" sz="14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</a:br>
            <a:r>
              <a:rPr lang="en-US" sz="1200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(i.e., Cybercrime scene)</a:t>
            </a:r>
            <a:endParaRPr lang="en-US" sz="1100" dirty="0">
              <a:solidFill>
                <a:schemeClr val="tx1"/>
              </a:solidFill>
              <a:latin typeface="Tinos" panose="02020603050405020304" pitchFamily="18" charset="0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33" name="Rounded Rectangle 84">
            <a:extLst>
              <a:ext uri="{FF2B5EF4-FFF2-40B4-BE49-F238E27FC236}">
                <a16:creationId xmlns:a16="http://schemas.microsoft.com/office/drawing/2014/main" id="{35D486FB-114C-460C-84BF-9502AB42672F}"/>
              </a:ext>
            </a:extLst>
          </p:cNvPr>
          <p:cNvSpPr/>
          <p:nvPr/>
        </p:nvSpPr>
        <p:spPr>
          <a:xfrm>
            <a:off x="8088057" y="4003730"/>
            <a:ext cx="1632566" cy="234370"/>
          </a:xfrm>
          <a:prstGeom prst="round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bg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Timeline Projector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4C9B144-05E3-433E-88AC-3929DBDBE10B}"/>
              </a:ext>
            </a:extLst>
          </p:cNvPr>
          <p:cNvSpPr/>
          <p:nvPr/>
        </p:nvSpPr>
        <p:spPr>
          <a:xfrm>
            <a:off x="7722602" y="4906232"/>
            <a:ext cx="4146669" cy="23001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Offline</a:t>
            </a:r>
          </a:p>
        </p:txBody>
      </p: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023754D1-BF53-4C17-A0BA-977FC8E7E3FD}"/>
              </a:ext>
            </a:extLst>
          </p:cNvPr>
          <p:cNvCxnSpPr>
            <a:cxnSpLocks/>
          </p:cNvCxnSpPr>
          <p:nvPr/>
        </p:nvCxnSpPr>
        <p:spPr>
          <a:xfrm>
            <a:off x="7701864" y="4856549"/>
            <a:ext cx="4167409" cy="0"/>
          </a:xfrm>
          <a:prstGeom prst="straightConnector1">
            <a:avLst/>
          </a:prstGeom>
          <a:ln w="38100">
            <a:solidFill>
              <a:schemeClr val="tx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2379CF99-BDEA-47FC-98EC-DF016EFC98EC}"/>
              </a:ext>
            </a:extLst>
          </p:cNvPr>
          <p:cNvCxnSpPr>
            <a:cxnSpLocks/>
            <a:stCxn id="32" idx="1"/>
            <a:endCxn id="29" idx="3"/>
          </p:cNvCxnSpPr>
          <p:nvPr/>
        </p:nvCxnSpPr>
        <p:spPr>
          <a:xfrm flipH="1">
            <a:off x="9791297" y="3879500"/>
            <a:ext cx="401220" cy="233"/>
          </a:xfrm>
          <a:prstGeom prst="straightConnector1">
            <a:avLst/>
          </a:prstGeom>
          <a:ln w="57150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Rectangle 36">
            <a:extLst>
              <a:ext uri="{FF2B5EF4-FFF2-40B4-BE49-F238E27FC236}">
                <a16:creationId xmlns:a16="http://schemas.microsoft.com/office/drawing/2014/main" id="{1D178B9C-B35A-46D0-B5DD-EB389FE851E3}"/>
              </a:ext>
            </a:extLst>
          </p:cNvPr>
          <p:cNvSpPr/>
          <p:nvPr/>
        </p:nvSpPr>
        <p:spPr>
          <a:xfrm>
            <a:off x="4864052" y="2281897"/>
            <a:ext cx="1620089" cy="69914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b="1" i="1" dirty="0">
              <a:solidFill>
                <a:schemeClr val="tx1"/>
              </a:solidFill>
              <a:latin typeface="Tinos" panose="02020603050405020304" pitchFamily="18" charset="0"/>
              <a:ea typeface="Tinos" panose="02020603050405020304" pitchFamily="18" charset="0"/>
              <a:cs typeface="Tinos" panose="02020603050405020304" pitchFamily="18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D7B85EC7-1D87-4E02-9F8F-12F9FEF03E9F}"/>
              </a:ext>
            </a:extLst>
          </p:cNvPr>
          <p:cNvSpPr/>
          <p:nvPr/>
        </p:nvSpPr>
        <p:spPr>
          <a:xfrm>
            <a:off x="5288088" y="2156110"/>
            <a:ext cx="733869" cy="23001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Legend</a:t>
            </a: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F6B47A36-C4DD-4273-A58D-660B9E2BA146}"/>
              </a:ext>
            </a:extLst>
          </p:cNvPr>
          <p:cNvSpPr/>
          <p:nvPr/>
        </p:nvSpPr>
        <p:spPr>
          <a:xfrm>
            <a:off x="5655022" y="2415439"/>
            <a:ext cx="733869" cy="23001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Input</a:t>
            </a:r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F27F4F78-BCAD-42BC-A373-E8144FE198A7}"/>
              </a:ext>
            </a:extLst>
          </p:cNvPr>
          <p:cNvSpPr/>
          <p:nvPr/>
        </p:nvSpPr>
        <p:spPr>
          <a:xfrm>
            <a:off x="5655022" y="2667355"/>
            <a:ext cx="733869" cy="23001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  <a:latin typeface="Tinos" panose="02020603050405020304" pitchFamily="18" charset="0"/>
                <a:ea typeface="Tinos" panose="02020603050405020304" pitchFamily="18" charset="0"/>
                <a:cs typeface="Tinos" panose="02020603050405020304" pitchFamily="18" charset="0"/>
              </a:rPr>
              <a:t>Output</a:t>
            </a:r>
          </a:p>
        </p:txBody>
      </p:sp>
    </p:spTree>
    <p:extLst>
      <p:ext uri="{BB962C8B-B14F-4D97-AF65-F5344CB8AC3E}">
        <p14:creationId xmlns:p14="http://schemas.microsoft.com/office/powerpoint/2010/main" val="25856272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4" grpId="0" animBg="1"/>
      <p:bldP spid="17" grpId="0" animBg="1"/>
      <p:bldP spid="27" grpId="0" animBg="1"/>
      <p:bldP spid="32" grpId="0" animBg="1"/>
      <p:bldP spid="33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7A2D02-EE2A-4DD4-AE57-728125C4D2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ource Reconstruc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79A1A88-6696-4EEF-8E45-FBD9944689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1DFE98-CBEB-CC41-90EB-54BED8FD4CEA}" type="slidenum">
              <a:rPr lang="en-US" smtClean="0"/>
              <a:pPr/>
              <a:t>9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062F66F-5A87-4AAA-80C5-36C93A98485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2404" y="2647944"/>
            <a:ext cx="5543591" cy="156211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EF4D28F-E5CB-46CA-8C3E-6D1381412A3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33554" y="1873080"/>
            <a:ext cx="6506575" cy="3111841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28F51243-E229-4EAD-88EA-0E7CB0D0DC31}"/>
              </a:ext>
            </a:extLst>
          </p:cNvPr>
          <p:cNvSpPr/>
          <p:nvPr/>
        </p:nvSpPr>
        <p:spPr>
          <a:xfrm>
            <a:off x="0" y="1034586"/>
            <a:ext cx="5895995" cy="62276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dirty="0">
                <a:latin typeface="Saira SemiCondensed" panose="00000506000000000000" pitchFamily="2" charset="0"/>
              </a:rPr>
              <a:t>Random-access resources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DC8C0AF-7862-4334-BD3E-F581D047144A}"/>
              </a:ext>
            </a:extLst>
          </p:cNvPr>
          <p:cNvSpPr/>
          <p:nvPr/>
        </p:nvSpPr>
        <p:spPr>
          <a:xfrm>
            <a:off x="5895995" y="1034586"/>
            <a:ext cx="6296005" cy="622764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dirty="0">
                <a:latin typeface="Saira SemiCondensed" panose="00000506000000000000" pitchFamily="2" charset="0"/>
              </a:rPr>
              <a:t>Sequential-access resources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C420BFBE-169A-454B-8EC2-BC9B7DA0F740}"/>
              </a:ext>
            </a:extLst>
          </p:cNvPr>
          <p:cNvCxnSpPr/>
          <p:nvPr/>
        </p:nvCxnSpPr>
        <p:spPr>
          <a:xfrm>
            <a:off x="5895995" y="1657350"/>
            <a:ext cx="0" cy="5200650"/>
          </a:xfrm>
          <a:prstGeom prst="line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723286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0501</TotalTime>
  <Words>1771</Words>
  <Application>Microsoft Office PowerPoint</Application>
  <PresentationFormat>Widescreen</PresentationFormat>
  <Paragraphs>415</Paragraphs>
  <Slides>22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1" baseType="lpstr">
      <vt:lpstr>Arial</vt:lpstr>
      <vt:lpstr>Calibri</vt:lpstr>
      <vt:lpstr>Calibri Light</vt:lpstr>
      <vt:lpstr>Consolas</vt:lpstr>
      <vt:lpstr>Palatino</vt:lpstr>
      <vt:lpstr>Saira SemiCondensed</vt:lpstr>
      <vt:lpstr>Saira SemiCondensed Medium</vt:lpstr>
      <vt:lpstr>Tinos</vt:lpstr>
      <vt:lpstr>Office Theme</vt:lpstr>
      <vt:lpstr>C2SR: Cyber Crime Scene Reconstruction for Post-mortem Forensic Analysis</vt:lpstr>
      <vt:lpstr>Crime Scene Reconstruction (CSR)</vt:lpstr>
      <vt:lpstr>Cyber Crime Scene Reconstruction (C2SR)</vt:lpstr>
      <vt:lpstr>Record and replay</vt:lpstr>
      <vt:lpstr>Cyber Crime Scene Reconstruction (C2SR)</vt:lpstr>
      <vt:lpstr>An example: Timeline of 10 browser tabs</vt:lpstr>
      <vt:lpstr>An example: Timeline of 10 browser tabs</vt:lpstr>
      <vt:lpstr>Workflow of C2SR</vt:lpstr>
      <vt:lpstr>Resource Reconstruction</vt:lpstr>
      <vt:lpstr>Resource Reconstruction (cont)</vt:lpstr>
      <vt:lpstr>Resource Reconstruction:  Resource-based Execution Partitioning</vt:lpstr>
      <vt:lpstr>More details in the paper</vt:lpstr>
      <vt:lpstr>Evaluation: Performance</vt:lpstr>
      <vt:lpstr>Evaluation: Performance</vt:lpstr>
      <vt:lpstr>Evaluation: Effectiveness</vt:lpstr>
      <vt:lpstr>Related work</vt:lpstr>
      <vt:lpstr>Conclusion and Q &amp; A</vt:lpstr>
      <vt:lpstr>Case study: Fileless JavaScript Attack</vt:lpstr>
      <vt:lpstr>Case study: Fileless JavaScript Attack</vt:lpstr>
      <vt:lpstr>Case study: Fileless JavaScript Attack</vt:lpstr>
      <vt:lpstr>Case study: Fileless JavaScript Attack</vt:lpstr>
      <vt:lpstr>Case study: Fileless JavaScript Attack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oftware Security via Program Analysis</dc:title>
  <dc:creator>Microsoft Office User</dc:creator>
  <cp:lastModifiedBy>Kwon, Yonghwi (yk2bb)</cp:lastModifiedBy>
  <cp:revision>1348</cp:revision>
  <dcterms:created xsi:type="dcterms:W3CDTF">2018-08-26T16:05:32Z</dcterms:created>
  <dcterms:modified xsi:type="dcterms:W3CDTF">2021-03-02T08:29:55Z</dcterms:modified>
</cp:coreProperties>
</file>